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drawings/drawing1.xml" ContentType="application/vnd.openxmlformats-officedocument.drawing+xml"/>
  <Override PartName="/xl/comments7.xml" ContentType="application/vnd.openxmlformats-officedocument.spreadsheetml.comments+xml"/>
  <Override PartName="/xl/comments8.xml" ContentType="application/vnd.openxmlformats-officedocument.spreadsheetml.comments+xml"/>
  <Override PartName="/xl/comments9.xml" ContentType="application/vnd.openxmlformats-officedocument.spreadsheetml.comments+xml"/>
  <Override PartName="/xl/comments10.xml" ContentType="application/vnd.openxmlformats-officedocument.spreadsheetml.comments+xml"/>
  <Override PartName="/xl/comments11.xml" ContentType="application/vnd.openxmlformats-officedocument.spreadsheetml.comment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persons/person.xml" ContentType="application/vnd.ms-excel.person+xml"/>
  <Override PartName="/xl/threadedComments/threadedComment1.xml" ContentType="application/vnd.ms-excel.threadedcomments+xml"/>
  <Override PartName="/xl/threadedComments/threadedComment2.xml" ContentType="application/vnd.ms-excel.threadedcomments+xml"/>
  <Override PartName="/xl/threadedComments/threadedComment3.xml" ContentType="application/vnd.ms-excel.threadedcomments+xml"/>
  <Override PartName="/xl/threadedComments/threadedComment4.xml" ContentType="application/vnd.ms-excel.threadedcomments+xml"/>
  <Override PartName="/xl/threadedComments/threadedComment5.xml" ContentType="application/vnd.ms-excel.threadedcomments+xml"/>
  <Override PartName="/xl/threadedComments/threadedComment6.xml" ContentType="application/vnd.ms-excel.threadedcomments+xml"/>
  <Override PartName="/xl/threadedComments/threadedComment7.xml" ContentType="application/vnd.ms-excel.threadedcomments+xml"/>
  <Override PartName="/xl/threadedComments/threadedComment8.xml" ContentType="application/vnd.ms-excel.threadedcomments+xml"/>
  <Override PartName="/xl/threadedComments/threadedComment9.xml" ContentType="application/vnd.ms-excel.threadedcomments+xml"/>
  <Override PartName="/xl/threadedComments/threadedComment10.xml" ContentType="application/vnd.ms-excel.threadedcomments+xml"/>
  <Override PartName="/xl/threadedComments/threadedComment11.xml" ContentType="application/vnd.ms-excel.threadedcomment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455255\Desktop\"/>
    </mc:Choice>
  </mc:AlternateContent>
  <bookViews>
    <workbookView xWindow="735" yWindow="735" windowWidth="18900" windowHeight="12300" tabRatio="828" activeTab="3"/>
  </bookViews>
  <sheets>
    <sheet name="2step_RACH" sheetId="31" r:id="rId1"/>
    <sheet name="NR-U" sheetId="32" r:id="rId2"/>
    <sheet name="IAB" sheetId="33" r:id="rId3"/>
    <sheet name="V2X" sheetId="48" r:id="rId4"/>
    <sheet name="eURLLC" sheetId="49" r:id="rId5"/>
    <sheet name="eMIMO" sheetId="52" r:id="rId6"/>
    <sheet name="Power" sheetId="46" r:id="rId7"/>
    <sheet name="Positioning" sheetId="51" r:id="rId8"/>
    <sheet name="NRDCCA" sheetId="39" r:id="rId9"/>
    <sheet name="TEI" sheetId="40" r:id="rId10"/>
    <sheet name="IIOT" sheetId="50" r:id="rId11"/>
    <sheet name="MobEnh" sheetId="47" r:id="rId12"/>
  </sheets>
  <externalReferences>
    <externalReference r:id="rId13"/>
    <externalReference r:id="rId14"/>
    <externalReference r:id="rId15"/>
  </externalReferences>
  <definedNames>
    <definedName name="_xlnm._FilterDatabase" localSheetId="0" hidden="1">'2step_RACH'!$A$1:$P$1</definedName>
    <definedName name="_xlnm._FilterDatabase" localSheetId="5" hidden="1">eMIMO!$A$1:$P$58</definedName>
    <definedName name="_xlnm._FilterDatabase" localSheetId="4" hidden="1">eURLLC!$A$1:$P$109</definedName>
    <definedName name="_xlnm._FilterDatabase" localSheetId="2" hidden="1">IAB!$A$1:$P$48</definedName>
    <definedName name="_xlnm._FilterDatabase" localSheetId="10" hidden="1">IIOT!$A$1:$P$1</definedName>
    <definedName name="_xlnm._FilterDatabase" localSheetId="11" hidden="1">MobEnh!$A$1:$P$1</definedName>
    <definedName name="_xlnm._FilterDatabase" localSheetId="8" hidden="1">NRDCCA!$A$1:$P$1</definedName>
    <definedName name="_xlnm._FilterDatabase" localSheetId="1" hidden="1">'NR-U'!$A$1:$P$1</definedName>
    <definedName name="_xlnm._FilterDatabase" localSheetId="7" hidden="1">Positioning!$A$1:$P$102</definedName>
    <definedName name="_xlnm._FilterDatabase" localSheetId="6" hidden="1">Power!$A$1:$P$7</definedName>
    <definedName name="_xlnm._FilterDatabase" localSheetId="9" hidden="1">TEI!$A$1:$P$2</definedName>
    <definedName name="_xlnm._FilterDatabase" localSheetId="3" hidden="1">V2X!$A$1:$P$1</definedName>
    <definedName name="_Hlk39175410" localSheetId="1">'NR-U'!$P$44</definedName>
    <definedName name="for" localSheetId="5">[1]Parameters!$D$3:$D$10</definedName>
    <definedName name="for" localSheetId="4">[2]Parameters!$D$3:$D$10</definedName>
    <definedName name="for" localSheetId="10">[2]Parameters!$D$3:$D$10</definedName>
    <definedName name="for" localSheetId="7">[2]Parameters!$D$3:$D$10</definedName>
    <definedName name="for" localSheetId="3">[2]Parameters!$D$3:$D$10</definedName>
    <definedName name="for">[3]Parameters!$D$3:$D$10</definedName>
    <definedName name="Types" localSheetId="5">[1]Parameters!$A$3:$A$24</definedName>
    <definedName name="Types" localSheetId="4">[2]Parameters!$A$3:$A$24</definedName>
    <definedName name="Types" localSheetId="10">[2]Parameters!$A$3:$A$24</definedName>
    <definedName name="Types" localSheetId="7">[2]Parameters!$A$3:$A$24</definedName>
    <definedName name="Types" localSheetId="3">[2]Parameters!$A$3:$A$24</definedName>
    <definedName name="Types">[3]Parameters!$A$3:$A$24</definedName>
  </definedNames>
  <calcPr calcId="125725"/>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tc={979E49DB-45A9-4E1A-BE90-3C397BBF8B52}</author>
    <author>tc={3C30DF65-6976-4F40-ADC1-8A6F3D544E63}</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10.xml><?xml version="1.0" encoding="utf-8"?>
<comments xmlns="http://schemas.openxmlformats.org/spreadsheetml/2006/main">
  <authors>
    <author>tc={E6E16F25-1122-4534-929F-B4B2F3D5AEB2}</author>
    <author>tc={CA497FE1-2AEA-4583-8F01-C4788BE39CCD}</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11.xml><?xml version="1.0" encoding="utf-8"?>
<comments xmlns="http://schemas.openxmlformats.org/spreadsheetml/2006/main">
  <authors>
    <author>tc={59EFCB91-5322-4462-9336-0806B6A575F1}</author>
    <author>tc={91E2ABA8-B3E7-493D-BAEE-5B3EEB160F10}</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2.xml><?xml version="1.0" encoding="utf-8"?>
<comments xmlns="http://schemas.openxmlformats.org/spreadsheetml/2006/main">
  <authors>
    <author>tc={7FE59BF6-367B-4D26-90F2-A911A844B8C3}</author>
    <author>tc={BD071D2E-E392-4508-A540-65B099522CBA}</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3.xml><?xml version="1.0" encoding="utf-8"?>
<comments xmlns="http://schemas.openxmlformats.org/spreadsheetml/2006/main">
  <authors>
    <author>tc={9514978C-9FB3-41BC-AA2A-C7784E2C93A9}</author>
    <author>tc={62F5350E-64C0-4577-A738-CE9238551BA9}</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4.xml><?xml version="1.0" encoding="utf-8"?>
<comments xmlns="http://schemas.openxmlformats.org/spreadsheetml/2006/main">
  <authors>
    <author>tc={CB09731E-5622-4694-9F22-BF7FEBBBB95A}</author>
    <author>tc={8AB2CD47-C9F1-4CCD-9EC7-B741B18D6A7D}</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5.xml><?xml version="1.0" encoding="utf-8"?>
<comments xmlns="http://schemas.openxmlformats.org/spreadsheetml/2006/main">
  <authors>
    <author>tc={0408E788-708B-474D-93FF-73A175125143}</author>
    <author>tc={D78D3D6D-2385-4F95-84E6-B46D493D0FFA}</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6.xml><?xml version="1.0" encoding="utf-8"?>
<comments xmlns="http://schemas.openxmlformats.org/spreadsheetml/2006/main">
  <authors>
    <author>tc={701128B4-BCFE-4AB0-A620-68D56EDE5370}</author>
    <author>tc={1A4D166C-E3C3-426D-BE67-6F6E575CC170}</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7.xml><?xml version="1.0" encoding="utf-8"?>
<comments xmlns="http://schemas.openxmlformats.org/spreadsheetml/2006/main">
  <authors>
    <author>tc={6E6C43DF-608D-4741-AEB2-AF49D83BC1D3}</author>
    <author>tc={00C4DD3F-3A39-4137-82A5-97A355C03FC9}</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8.xml><?xml version="1.0" encoding="utf-8"?>
<comments xmlns="http://schemas.openxmlformats.org/spreadsheetml/2006/main">
  <authors>
    <author>tc={923D214C-C7DC-4BEA-BFF4-824F44CF7EFE}</author>
    <author>tc={69FE9BDC-2D4A-4774-ACFA-147937B11688}</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comments9.xml><?xml version="1.0" encoding="utf-8"?>
<comments xmlns="http://schemas.openxmlformats.org/spreadsheetml/2006/main">
  <authors>
    <author>tc={6072B666-465D-42E0-8C5E-F92677F03B4A}</author>
    <author>tc={5AD68863-A40D-45A4-9BA8-4E488D0CE3C1}</author>
  </authors>
  <commentList>
    <comment ref="B1" authorId="0"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Indicates functionality where the parameter is applied/defined. This column does not have implication on UE feature aspects.</t>
        </r>
      </text>
    </comment>
    <comment ref="L1" authorId="1" shapeId="0">
      <text>
        <r>
          <rPr>
            <sz val="11"/>
            <color theme="1"/>
            <rFont val="等线"/>
            <family val="2"/>
            <charset val="128"/>
            <scheme val="minor"/>
          </rPr>
          <t>[Threaded comment]
Your version of Excel allows you to read this threaded comment; however, any edits to it will get removed if the file is opened in a newer version of Excel. Learn more: https://go.microsoft.com/fwlink/?linkid=870924
Comment:
    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
        </r>
      </text>
    </comment>
  </commentList>
</comments>
</file>

<file path=xl/sharedStrings.xml><?xml version="1.0" encoding="utf-8"?>
<sst xmlns="http://schemas.openxmlformats.org/spreadsheetml/2006/main" count="6217" uniqueCount="2599">
  <si>
    <t>Sub-feature group</t>
    <phoneticPr fontId="10"/>
  </si>
  <si>
    <t>RAN1 specification</t>
    <phoneticPr fontId="10"/>
  </si>
  <si>
    <t>Section</t>
    <phoneticPr fontId="10"/>
  </si>
  <si>
    <t>RAN2 Parant IE</t>
    <phoneticPr fontId="10"/>
  </si>
  <si>
    <t>Parameter name in the spec</t>
    <phoneticPr fontId="10"/>
  </si>
  <si>
    <t>New or existing?</t>
    <phoneticPr fontId="10"/>
  </si>
  <si>
    <t>Parameter name in the text</t>
    <phoneticPr fontId="10"/>
  </si>
  <si>
    <t>Value range</t>
    <phoneticPr fontId="10"/>
  </si>
  <si>
    <t>Specification</t>
    <phoneticPr fontId="10"/>
  </si>
  <si>
    <t>RAN2 ASN.1 name</t>
    <phoneticPr fontId="10"/>
  </si>
  <si>
    <t>Description</t>
    <phoneticPr fontId="10"/>
  </si>
  <si>
    <t>Comment</t>
    <phoneticPr fontId="10"/>
  </si>
  <si>
    <t>UE specific</t>
  </si>
  <si>
    <t>38.331</t>
  </si>
  <si>
    <t>locationAndBandwidth-SL</t>
  </si>
  <si>
    <t>new</t>
  </si>
  <si>
    <t>subcarrierSpcaing-SL</t>
  </si>
  <si>
    <t>cyclicPrefix-SL</t>
  </si>
  <si>
    <t>absoluteFrequencyPointA-SL</t>
  </si>
  <si>
    <t>offsetToCarrier-SL</t>
  </si>
  <si>
    <t>SL BWP</t>
  </si>
  <si>
    <t xml:space="preserve">Subcarrier spacing to be used in this sidelink BWP for all channels and reference signals. Corresponds to subcarrier spacing according to 38.211, Table 4.2-1. The value kHz15 corresponds to µ=0, kHz30 to µ=1, and so on. Only the values 15, 30, or 60 kHz (&lt;6GHz), and 60 or 120 kHz (&gt;6GHz) are applicable. </t>
  </si>
  <si>
    <t xml:space="preserve">Indicates whether to use the extended cyclic prefix for this bandwidth part. If not set, the UE uses the normal cyclic prefix. Extended CP is supported only for 60 kHz subcarrier spacing. </t>
  </si>
  <si>
    <t xml:space="preserve">Absolute frequency of the reference resource block (Common RB 0). Its lowest subcarrier is also known as Point A. </t>
  </si>
  <si>
    <t>0..37949</t>
  </si>
  <si>
    <t>Per SL BWP</t>
  </si>
  <si>
    <t>kHz15, kHz30, kHz60, kHz120</t>
  </si>
  <si>
    <t>enabled</t>
  </si>
  <si>
    <t>ARFCN-ValueNR</t>
  </si>
  <si>
    <t>Per cell</t>
  </si>
  <si>
    <t>S-SSB</t>
  </si>
  <si>
    <t>numSSBwithinPeriod-SL</t>
  </si>
  <si>
    <t>synchPriority-SL</t>
  </si>
  <si>
    <t>gnss, gnbenb</t>
  </si>
  <si>
    <t>Per (UE, cell, TRP, …)</t>
    <phoneticPr fontId="13" type="noConversion"/>
  </si>
  <si>
    <t>UE-specific or Cell-specific</t>
    <phoneticPr fontId="10"/>
  </si>
  <si>
    <t>Resource pool</t>
  </si>
  <si>
    <t>subchannelsize</t>
  </si>
  <si>
    <t>timeresourcepool</t>
  </si>
  <si>
    <t>TimePatternPsschDmrs</t>
  </si>
  <si>
    <t>Per resource pool</t>
  </si>
  <si>
    <t>UE specific, Cell specific</t>
    <phoneticPr fontId="13" type="noConversion"/>
  </si>
  <si>
    <t>36.331, 38.331</t>
  </si>
  <si>
    <t>PSFCH</t>
  </si>
  <si>
    <t>periodPSFCHresource</t>
  </si>
  <si>
    <t>Period of PSFCH resource in the unit of slots within this resource pool. If set to 0, no resource for PSFCH, and HARQ feedback for all transmissions in the resource pool is disabled.</t>
  </si>
  <si>
    <t>Per Resource pool</t>
  </si>
  <si>
    <t>Agreements made in RAN1#96bis:
• It is supported, in a resource pool, that within the slots associated with the resource pool, PSFCH resources can be (pre)configured periodically with a period of N slot(s)
o N is configurable, with the following values
* 1
* At least one more value &gt;1
- FFS details
o The configuration should also include the possibility of no resource for PSFCH. In this case, HARQ feedback for all transmissions in the resource pool is disabled
• HARQ feedback for transmissions in a resource pool can only be sent on PSFCH in the same resource pool
Agreements made in RAN1#97:
• For the period of N slot(s) of PSFCH resource, N=2 and N=4 are additionally supported.</t>
    <phoneticPr fontId="13" type="noConversion"/>
  </si>
  <si>
    <t>SL power control</t>
  </si>
  <si>
    <t>maximumtransmitPower-SL</t>
  </si>
  <si>
    <t xml:space="preserve">Indicates the maximum value of the UE’s sidelink transmission power on this resource pool in the unit of dBm. </t>
  </si>
  <si>
    <t>filterCoefficient-SL</t>
  </si>
  <si>
    <t>-30..33</t>
  </si>
  <si>
    <t>-16..15</t>
  </si>
  <si>
    <t>{alpha0, alpha04, alpha05, alpha06, alpha07, alpha08, alpha09, alpha1}</t>
  </si>
  <si>
    <t>NR Uu controlling LTE SL</t>
  </si>
  <si>
    <t>Per UE</t>
    <phoneticPr fontId="13" type="noConversion"/>
  </si>
  <si>
    <t>UE specific</t>
    <phoneticPr fontId="13" type="noConversion"/>
  </si>
  <si>
    <t>Agreements made in RAN1#98:
• A new RNTI is introduced to scramble the NR DCI used for scheduling LTE PC5.</t>
    <phoneticPr fontId="13" type="noConversion"/>
  </si>
  <si>
    <t>Resource allocation Mode 1</t>
  </si>
  <si>
    <t>periodSlCG</t>
  </si>
  <si>
    <t>timeResourceCGType1</t>
  </si>
  <si>
    <t>frequencyResourceCGType1</t>
  </si>
  <si>
    <t>Resource allocation Mode 2</t>
  </si>
  <si>
    <t>36.331, 38.331</t>
    <phoneticPr fontId="13" type="noConversion"/>
  </si>
  <si>
    <t>CSI acquisition</t>
  </si>
  <si>
    <t>new</t>
    <phoneticPr fontId="13" type="noConversion"/>
  </si>
  <si>
    <t>enable</t>
    <phoneticPr fontId="13" type="noConversion"/>
  </si>
  <si>
    <t>TBD</t>
    <phoneticPr fontId="13" type="noConversion"/>
  </si>
  <si>
    <t>New</t>
  </si>
  <si>
    <t>ssbFrequency</t>
  </si>
  <si>
    <t>ssbSubcarrierSpacing</t>
  </si>
  <si>
    <t>ssbPeriodicity</t>
  </si>
  <si>
    <t>ssbTimingOffset</t>
  </si>
  <si>
    <t>ssb-PositionsInBurst</t>
  </si>
  <si>
    <t>ssb-PhysicalCellID</t>
  </si>
  <si>
    <t>Nr-ssb-TransmisisonConfig</t>
  </si>
  <si>
    <t>SSB central frequency</t>
  </si>
  <si>
    <t>SSB subcarrier spacing</t>
  </si>
  <si>
    <t>SSB transmission periodicity:</t>
  </si>
  <si>
    <t>SSB transmission timing offset</t>
  </si>
  <si>
    <t>SSBs to be transmitted in the half frame</t>
  </si>
  <si>
    <t>Physical cell-ID carried by SSB</t>
  </si>
  <si>
    <t>Number of SSB transmission configurations</t>
  </si>
  <si>
    <t>length-4 bitmap, length-8 bitmap, length-64 bitmap</t>
  </si>
  <si>
    <t>0,…,1007</t>
  </si>
  <si>
    <t>1, 2, 3, 4</t>
  </si>
  <si>
    <t>5ms, 10ms, 20ms, 40ms, 80ms, 160ms, 320ms, 640ms</t>
  </si>
  <si>
    <t>IAB node specific</t>
  </si>
  <si>
    <t>ssb-MTC-Periodicity</t>
  </si>
  <si>
    <t>ssb-MTC-Timingoffset</t>
  </si>
  <si>
    <t>ssb-MTC-Duration</t>
  </si>
  <si>
    <t>ssb-MTC-pci-List</t>
  </si>
  <si>
    <t>ssb-ToMeasure</t>
  </si>
  <si>
    <t>Nr-SMTCConfig</t>
  </si>
  <si>
    <t>SMTC window periodicity</t>
  </si>
  <si>
    <t>5ms, 10ms, 20ms, 40ms, 80ms, 160ms, 320ms, 640ms, 1280ms</t>
  </si>
  <si>
    <t>SMTC window timing offset</t>
  </si>
  <si>
    <t>0, ..., (number of subframes within SMTC window periodicity) – 1</t>
  </si>
  <si>
    <t>SMTC window duration</t>
  </si>
  <si>
    <t>1, …, 5 (subframes)</t>
  </si>
  <si>
    <t>List of physical cell IDs to be measured</t>
  </si>
  <si>
    <t>[cell ID 0, …, cell ID M-1 ]</t>
  </si>
  <si>
    <t xml:space="preserve">SSBs To be Measured </t>
  </si>
  <si>
    <t>Up to RAN2 whether or not jointly signaled with ssb-MTCPeriodicity</t>
  </si>
  <si>
    <t>The maximum number of M is 64</t>
  </si>
  <si>
    <t>For IAB node discovery and measurement, the maximum number of SMTC windows that can be configured for an IAB node is 4. Each SMTC window is provided its own independent configuration (e.g. periodicity, offset, duration)</t>
  </si>
  <si>
    <t>prach-ConfigurationPeriodScaling</t>
  </si>
  <si>
    <t>prach-ConfigurationFrameOffset</t>
  </si>
  <si>
    <t>prach-ConfigurationSOffset</t>
  </si>
  <si>
    <t>Scaling factor to extend the periodicity of the baseline configuration indicated by prach-ConfigurationIndex</t>
  </si>
  <si>
    <t>{1, 2, 4, 8, 16, 32, 64}</t>
  </si>
  <si>
    <t>Frame offset for ROs defined in the baseline configuration indicated by prach-ConfigurationIndex</t>
  </si>
  <si>
    <t>{0, …, 63}</t>
  </si>
  <si>
    <t>Subframe/Slot offset for ROs defined in the baseline configuration indicated by prach-ConfigurationIndex</t>
  </si>
  <si>
    <t>{0, …, 39}</t>
  </si>
  <si>
    <t>IAB node specific and IAB nodes common</t>
  </si>
  <si>
    <t>New</t>
    <phoneticPr fontId="10"/>
  </si>
  <si>
    <t>DMRSdownlink-r16</t>
  </si>
  <si>
    <t>DMRSuplink-r16</t>
  </si>
  <si>
    <t>DMRSuplinkTransformPrecoding-r16</t>
  </si>
  <si>
    <t>pi2BPSKscramblingID0</t>
  </si>
  <si>
    <t>pi2BPSKscramblingID1</t>
  </si>
  <si>
    <t>DMRSuplinkTransformPrecodingPUCCH-r16</t>
  </si>
  <si>
    <t>0..65535</t>
  </si>
  <si>
    <t>Per DL BWP</t>
  </si>
  <si>
    <t>Per UL BWP</t>
  </si>
  <si>
    <t>UE-specific</t>
    <phoneticPr fontId="10"/>
  </si>
  <si>
    <t>The UE must be configured to use pi/2 BPSK for UCI symbols instead of QPSK for PUCCH Format 3 and 4.</t>
  </si>
  <si>
    <t>Requires DMRSuplinkTransformPrecoding-r16 to be enabled</t>
  </si>
  <si>
    <t>ULFPTx</t>
  </si>
  <si>
    <t>n1-n2-codebookSubsetRestriction-r16</t>
  </si>
  <si>
    <t>portSelectionSamplingSize-r16</t>
  </si>
  <si>
    <t>BIT STRING (SIZE (4))</t>
  </si>
  <si>
    <t>1,2,3,4</t>
  </si>
  <si>
    <t>1, 2</t>
  </si>
  <si>
    <t>1, 2, 3, 4, 5, 6, 7, 8</t>
  </si>
  <si>
    <t>CQI subband size divided by PMI subband size</t>
  </si>
  <si>
    <t>Supported parameter combination (L,y0,p0,beta)</t>
  </si>
  <si>
    <t>Bitmap for rank restriction (Rel.16 Type II CB supports up to rank 4)</t>
  </si>
  <si>
    <t>Parameter d in Rel-16 Type II Port Selection CB</t>
  </si>
  <si>
    <t>n/a</t>
  </si>
  <si>
    <t xml:space="preserve">controlResourceSetToAddModList      </t>
  </si>
  <si>
    <t xml:space="preserve">controlResourceSetToReleaseList </t>
  </si>
  <si>
    <t>AddtionalDataScramblingIdentityPDSCH</t>
  </si>
  <si>
    <t>SEQUENCE(SIZE (1..5)) OF ControlResourceSet</t>
  </si>
  <si>
    <t>SEQUENCE(SIZE (1..5)) OF ControlResourceSetId</t>
  </si>
  <si>
    <t>INTEGER (0..1023)</t>
  </si>
  <si>
    <t xml:space="preserve">Extension </t>
  </si>
  <si>
    <t>New or Extension up to RAN2</t>
  </si>
  <si>
    <t>per CORESET and Per DL BWP</t>
  </si>
  <si>
    <t>maxNrofSpatialRelationInfos</t>
  </si>
  <si>
    <t>maxNrofCandidateBeams</t>
  </si>
  <si>
    <t>reportQuantity</t>
  </si>
  <si>
    <t>nrofReportedRSForSINR</t>
  </si>
  <si>
    <t>rsrp-ThresholdSSBBFR</t>
  </si>
  <si>
    <t>beamFailureDetectionResourceList</t>
  </si>
  <si>
    <t>candidateBeamResourceList</t>
  </si>
  <si>
    <t>candidateBeamResource</t>
  </si>
  <si>
    <t>cell</t>
  </si>
  <si>
    <t>'cri-SINR', 'ssb-Index-SINR'</t>
  </si>
  <si>
    <t>{n1, n2, n3, n4}</t>
  </si>
  <si>
    <t>RSRP-Range</t>
  </si>
  <si>
    <t>sequence (size of (1,…,maxNrofCandidateBeams)) of candidateBeamResource</t>
  </si>
  <si>
    <t>structure including: cell, choice{ssb-Index, nzp-csi-RS-ResourceId}</t>
  </si>
  <si>
    <t>ServCellIndex</t>
  </si>
  <si>
    <t>extension of R15</t>
  </si>
  <si>
    <t>a constant value</t>
  </si>
  <si>
    <t>The value is increased to be 64 and used per BWP</t>
  </si>
  <si>
    <t>configured in CSI-reportConfig</t>
  </si>
  <si>
    <t>Per Cell Group</t>
  </si>
  <si>
    <t>Configured in new structure candidateBeamResource</t>
  </si>
  <si>
    <t xml:space="preserve">DCI format </t>
  </si>
  <si>
    <t xml:space="preserve">UCI enhancements </t>
  </si>
  <si>
    <t>Inter UE Tx prioritization/multiplexing</t>
  </si>
  <si>
    <t>UL configured grant transmission</t>
  </si>
  <si>
    <t>38.214</t>
  </si>
  <si>
    <t>38.213</t>
  </si>
  <si>
    <t>38.212, 38.213</t>
  </si>
  <si>
    <t>38.212, 38.214</t>
  </si>
  <si>
    <t>As defined in section 6.3.2 in 38.331 for prb-BundlingType</t>
  </si>
  <si>
    <t>As defined in section 6.3.2 in 38.331 for rateMatchPatternGroup1</t>
  </si>
  <si>
    <t>As defined in section 6.3.2 in 38.331 for rateMatchPatternGroup2</t>
  </si>
  <si>
    <t>As defined in section 6.3.2 in 38.331 for pdsch-TimeDomainAllocationList</t>
  </si>
  <si>
    <t>Indicates whether the UE monitors in this USS for new DCI formats for DL and UL scheduling in Rel-16</t>
  </si>
  <si>
    <t>Configure the number of bits for the field “HARQ process number” in new DL DCI format in Rel-16</t>
  </si>
  <si>
    <t>Configure the number of bits for the field “HARQ process number” in new UL DCI format in Rel-16</t>
  </si>
  <si>
    <t>The index of a UL configured grant configuration</t>
  </si>
  <si>
    <t>Configure one or more UL configured grant configuration(s)</t>
  </si>
  <si>
    <t xml:space="preserve">Configure the table for uplink type 2 configured grant release, each of the state can be mapped to a single or multiple type 2 CG configurations to be released  </t>
  </si>
  <si>
    <t xml:space="preserve">Configure single or multiple type 2 CG configurations for a state in the UL-Type2Configuredgrantconfig-ReleaseStateList </t>
  </si>
  <si>
    <t>FFS</t>
  </si>
  <si>
    <t>0, 1, 2, 3, 4, 5, 6, 7, 8, 9, 10, 11</t>
  </si>
  <si>
    <t>NA</t>
  </si>
  <si>
    <t>rsrp-Threshold-msgA</t>
  </si>
  <si>
    <t>msgA-TransMax</t>
  </si>
  <si>
    <t>RA type selection</t>
  </si>
  <si>
    <t>RAN2 decide</t>
    <phoneticPr fontId="10"/>
  </si>
  <si>
    <t>A RSRP-based criterion for RACH type selection, detailed UE behavior to be described by RAN2.</t>
  </si>
  <si>
    <t>The maximum number of MsgA transmission. The UE switches to 4-step RACH msg1 transmission if the number of MsgA transmission reach this value.</t>
  </si>
  <si>
    <t>msgA-RO-FDM</t>
  </si>
  <si>
    <t>msgA-RO-FrequencyStart</t>
  </si>
  <si>
    <t>Separate RO</t>
    <phoneticPr fontId="10"/>
  </si>
  <si>
    <t>INTEGER (0..maxNrofPhysicalResourceBlocks-1)</t>
  </si>
  <si>
    <t>Per BWP</t>
  </si>
  <si>
    <t>Per BWP</t>
    <phoneticPr fontId="10"/>
  </si>
  <si>
    <t>The number of msgA PRACH transmission occasions FDMed in one time instance. If not configured, reuse the value of msg1-FDM</t>
  </si>
  <si>
    <t>Offset of lowest PRACH transmission occasion in frequency domain with respective to PRB 0. If not configured, reuse the value of msg1-FrequencyStart</t>
  </si>
  <si>
    <t>Shared RO</t>
    <phoneticPr fontId="10"/>
  </si>
  <si>
    <t>Parameters for msgA PUSCH</t>
  </si>
  <si>
    <t>msgAPUSCH-timeDomainOffset</t>
  </si>
  <si>
    <t>nrofSlotsMsgAPUSCH</t>
  </si>
  <si>
    <t>nrofMsgAPOperSlot</t>
  </si>
  <si>
    <t>startSymbolAndLengthMsgAPO</t>
  </si>
  <si>
    <t>guardPeriodMsgAPUSCH</t>
  </si>
  <si>
    <t>frequencyStartMsgAPUSCH</t>
  </si>
  <si>
    <t>nrofPRBsperMsgAPO</t>
  </si>
  <si>
    <t>nrMsgAPO-FDM</t>
  </si>
  <si>
    <t>msgA-DMRS-Configuration</t>
  </si>
  <si>
    <t>msgADeltaPreamble</t>
  </si>
  <si>
    <t>msgA-Alpha</t>
  </si>
  <si>
    <t>Number of slots (in active UL BWP numerology) containing one or multiple POs, each slot has the same time domain resource allocation</t>
  </si>
  <si>
    <t>Number of time domain PUSCH occasions in each slot. POs including guard period are contiguous in time domain within a slot</t>
  </si>
  <si>
    <t>Guard period between PUSCH occasions, in the unit of symbols</t>
  </si>
  <si>
    <t>Offset of lowest PUSCH occasion in frequency domain with respective to PRB 0</t>
  </si>
  <si>
    <t>Number of PRBs per PUSCH occasion</t>
  </si>
  <si>
    <t>The number of msgA PUSCH occasions FDMed in one time instance</t>
  </si>
  <si>
    <t>Per configuration per BWP</t>
  </si>
  <si>
    <t>Per configuration Per BWP</t>
  </si>
  <si>
    <t>Existing</t>
  </si>
  <si>
    <t>NR DL PRS Configuration</t>
  </si>
  <si>
    <t>DL-PRS-ResourceSetId</t>
  </si>
  <si>
    <t>DL-PRS-ResourceId</t>
  </si>
  <si>
    <t xml:space="preserve">New </t>
  </si>
  <si>
    <t>DL PRS Resource Set configuration for NR Positioning (i.e. container of configuration settings for a DL PRS Resource Set)</t>
  </si>
  <si>
    <t>The ID of this DL PRS Resource Set. Each DL PRS Resource Set has a DL PRS Resource Set ID.</t>
  </si>
  <si>
    <t>DL PRS Resource configuration for NR Positioning (i.e. container of configuration settings for a DL PRS Resource)</t>
  </si>
  <si>
    <t>Resource Id is assigned to a given DL PRS Resource. A DL PRS Resource ID in a DL PRS Resource Set is associated with a single beam transmitted from a single TRP.</t>
  </si>
  <si>
    <t>Sequence Id used to initialize cinit value used in pseudo random generator [TS38.211, 5.2.1] for generation of DL PRS sequence for transmission on a given DL PRS Resource</t>
  </si>
  <si>
    <t>Points to starting symbol of DL PRS Resource within a slot determined by DL-PRS-ResourceSlotOffset</t>
  </si>
  <si>
    <t>Subcarrier Spacing for DL PRS Resource</t>
  </si>
  <si>
    <t>Cyclic Prefix Type for DL PRS Resource</t>
  </si>
  <si>
    <t>Is applied to configure UE to report DL PRS Resource ID(s) or DL PRS Resource Set ID(s) used for determining the timing of each TRP in RSTD measurements</t>
  </si>
  <si>
    <t>Is applied to configure UE to report DL PRS Resource ID(s) or DL PRS Resource Set ID(s) used for determining the timing of each TRP in the UE Rx-Tx time difference measurements</t>
  </si>
  <si>
    <t>{Normal, Extended}</t>
  </si>
  <si>
    <t>15, 30, 60 kHz for FR1
60, 120 kHz for FR2</t>
    <phoneticPr fontId="10"/>
  </si>
  <si>
    <t>SRS-Resource</t>
  </si>
  <si>
    <t>transmissionComb</t>
  </si>
  <si>
    <t>resourceMapping</t>
  </si>
  <si>
    <t>resourceType</t>
  </si>
  <si>
    <t>sequenceID</t>
  </si>
  <si>
    <t>alpha</t>
  </si>
  <si>
    <t>FFS for RAN2 WG</t>
  </si>
  <si>
    <t>transmissionComb combOffset
transmissionComb cyclicShift</t>
    <phoneticPr fontId="10"/>
  </si>
  <si>
    <t>resourceType SRS-PeriodicityAndOffset</t>
  </si>
  <si>
    <t>SRS resource configuration settings</t>
    <phoneticPr fontId="10"/>
  </si>
  <si>
    <t>transmissionCombComb value (2 or 4 or 8) and comb offset (0..combValue-1) (see TS 38.214 [19], clause 6.2.1)</t>
    <phoneticPr fontId="10"/>
  </si>
  <si>
    <t>OFDM symbol location of the SRS resource within a slot including number of OFDM symbols (N = 1, 2 or 4 per SRS resource), startPosition (SRSSymbolStartPosition = 0..5;
"0" refers to the last symbol, "1" refers to the second last symbol) and RepetitionFactor (r = 1, 2 or 4) (see TS 38.214 [19], clause 6.2.1 and TS 38.211 [16], clause 6.4.1.4).
The configured SRS resource does not exceed the slot boundary.</t>
    <phoneticPr fontId="10"/>
  </si>
  <si>
    <t>resourceType
Periodicity and offset for semi-persistent and periodic SRS resource (see TS 38.214 [19], clause 6.2.1)
Periodicity and slot offset for this SRS resource. All values in "number of slots". sl1 corresponds to a periodicity of 1 slot, value sl2 corresponds to a periodicity of 2 slots, and so on. For each periodicity the corresponding offset is given in number of slots. For periodicity sl1 the offset is 0 slots</t>
    <phoneticPr fontId="10"/>
  </si>
  <si>
    <t>alpha value for SRS power control (see TS 38.213 [13], clause 7.3). When the field is absent the UE applies the value 1</t>
  </si>
  <si>
    <t>P0 value for SRS power control. The value is in dBm. Only even values (step size 2) are allowed (see TS 38.213 [13], clause 7.3)</t>
  </si>
  <si>
    <t>A reference signal to be used for SRS path loss estimation (see TS 38.213 [13], clause 7.3).</t>
  </si>
  <si>
    <t>ENUMERATED {typeA, typeB}</t>
  </si>
  <si>
    <t>WI code</t>
    <phoneticPr fontId="10"/>
  </si>
  <si>
    <t>PS-RNTI</t>
  </si>
  <si>
    <t>minimumSchedulingOffset</t>
  </si>
  <si>
    <t>RNTI-value</t>
  </si>
  <si>
    <t>Per UE</t>
  </si>
  <si>
    <t>Default value aspect (see note)</t>
    <phoneticPr fontId="10"/>
  </si>
  <si>
    <t>Section 7.3.1 for 38.212
Section 10.1 for 38.213</t>
  </si>
  <si>
    <t>Section 7.3.1 for 38.212
Section 5.1.2.3 for 38.214</t>
  </si>
  <si>
    <t>Section 7.3.1 for 38.212
Section 5.1.4 for 38.214</t>
  </si>
  <si>
    <t>Section 7.3.1 for 38.212
Section 5.1.4.2 for 38.214</t>
  </si>
  <si>
    <t>Section 7.3.1 for 38.212
Section 5.1.2.1 for 38.214</t>
  </si>
  <si>
    <t>Section 10.1 for 38.213</t>
  </si>
  <si>
    <t>Section 7.3.1 for 38.212</t>
  </si>
  <si>
    <t>Section 5.1.2.2.2 for 38.214</t>
  </si>
  <si>
    <t>Section 6.1.2.2.2 for 38.214</t>
  </si>
  <si>
    <t>Section 6.1 for 38.214</t>
  </si>
  <si>
    <t>Section 7.3.1 for 38.212
Section 6.1 for 38.214</t>
  </si>
  <si>
    <t>38.212</t>
  </si>
  <si>
    <t xml:space="preserve">Agreements:
Support configurable number of bits for the following fields for DL DCI format scheduling Rel-16 URLLC.
• Carrier indicator (0 bit or at least one non-zero bit)
• PRB bundling size indicator (0 or 1 bit)
• Rate matching indicator (0, 1 or 2 bits)
• ZP CSI-RS trigger (0, 1 or 2 bits)
Note: The parameter is used to determine the number of bits for the field "PRB bundling size indicator" in new DCI format for DL scheduling as in Rel-15. </t>
  </si>
  <si>
    <t>Agreements:
• Support configurable TDRA table as in Rel-15 DCI format 1_1 (i.e. 0, 1, 2, 3 or 4 bits for time domain resource assignment) for the DL DCI format scheduling Rel-16 URLLC
Note: The parameter is used to determine the number of bits for the field "Time domain resource assignment" in new DCI format for DL scheduling as in Rel-15.</t>
  </si>
  <si>
    <t>subCarrierSpacingCommon</t>
  </si>
  <si>
    <t>No new values</t>
  </si>
  <si>
    <t>extension</t>
  </si>
  <si>
    <t>Cell-specific</t>
    <phoneticPr fontId="10"/>
  </si>
  <si>
    <t>Initial access signals/channels</t>
    <phoneticPr fontId="10"/>
  </si>
  <si>
    <t>DL signals and channels</t>
    <phoneticPr fontId="10"/>
  </si>
  <si>
    <t>startPosition</t>
  </si>
  <si>
    <t>HARQ enhancement</t>
  </si>
  <si>
    <t>dl-DataToUL-ACK</t>
  </si>
  <si>
    <t>pdsch-HARQ-ACK-Codebook</t>
  </si>
  <si>
    <t>A non-numerical value added</t>
  </si>
  <si>
    <t>Add a new value “enhancedDynamic-r16”</t>
  </si>
  <si>
    <t>{?}</t>
  </si>
  <si>
    <t>? (need to discuss)</t>
  </si>
  <si>
    <t>cg-nrofSlots-r16</t>
  </si>
  <si>
    <t>o Multiple DL PRS resources can be used to determine the received DL subframe timing of the first arrival path of the TRP. 
o At least the PRS resource ID(s) or PRS resource set ID(s) used for determining the timing of each TRP in RSTD measurements can be configured for reporting in the measurement report</t>
    <phoneticPr fontId="10"/>
  </si>
  <si>
    <t>{enabled}</t>
  </si>
  <si>
    <t>36.331</t>
  </si>
  <si>
    <t>CO-DurationPerCell-r16</t>
    <phoneticPr fontId="10"/>
  </si>
  <si>
    <t>searchSpaceGroupIdList-r16
(Example, no RAN1 decision)</t>
    <phoneticPr fontId="10"/>
  </si>
  <si>
    <t>Any combination of {0,…,maxSearchSpaceGroups-r16-1}</t>
    <phoneticPr fontId="10"/>
  </si>
  <si>
    <t>This parameter is optionally configured. If not configured, the UE will always monitor for PDCCH in this search space set.</t>
    <phoneticPr fontId="10"/>
  </si>
  <si>
    <t>UL signals and channels</t>
    <phoneticPr fontId="10"/>
  </si>
  <si>
    <t>InterlaceAllocation-r16</t>
    <phoneticPr fontId="10"/>
  </si>
  <si>
    <t>Per UL BWP</t>
    <phoneticPr fontId="10"/>
  </si>
  <si>
    <t>Interlace1</t>
  </si>
  <si>
    <t>OCC-Length-r16</t>
  </si>
  <si>
    <t>OCC-Index-r16</t>
  </si>
  <si>
    <t>{enable}</t>
  </si>
  <si>
    <t>Configured in resourceMapping in SRS-Resource. Extend Rel.15 range of 0,…,5 to Rel.16 range of 0,…,13 to allow SRS starting position all symbols of a slot</t>
  </si>
  <si>
    <t>Add in PUCCH-Format 2 and PUCCH-Format3. 
Applicable when useInterlacePUCCH-Dedicated-r16 is configured as ‘enable.’
When configured, use OCC of 2 or 4 for interlaced PF2/3.
Not applicable when interlace1 in the same IE is configured.</t>
    <phoneticPr fontId="10"/>
  </si>
  <si>
    <t>Add in PUCCH-Format 2 and PUCCH-Format3.
Applicable when useInterlacePUCCH-Dedicated-r16 is configured as ‘enable.’
Not applicable when interlace1 in the same IE is configured.</t>
    <phoneticPr fontId="10"/>
  </si>
  <si>
    <t>Configured when useInterlacePUCCH-Dedicated-r16 is configured</t>
  </si>
  <si>
    <t>Channel access procedures</t>
    <phoneticPr fontId="10"/>
  </si>
  <si>
    <t>maxEnergyDetectionThreshold-r16</t>
  </si>
  <si>
    <t>energyDetectionThresholdOffset-16</t>
  </si>
  <si>
    <t>ULtoDL-CO-SharingED-Threshold-r16</t>
  </si>
  <si>
    <t>absenceOfAnyOtherTechnology-r16</t>
  </si>
  <si>
    <t>Period</t>
  </si>
  <si>
    <t>[-13,…,20]</t>
  </si>
  <si>
    <t>{true}</t>
  </si>
  <si>
    <t>{maxEnergyDetectionThreshold-r16,
energyDetectionThresholdOffset-16,
ULtoDL-CO-SharingED-Threshold-r16}
FFS other values</t>
    <phoneticPr fontId="10"/>
  </si>
  <si>
    <t>Per Cell</t>
  </si>
  <si>
    <t>Semi-static channel access configuration</t>
  </si>
  <si>
    <t>semiStaticChannelAccessConfig- r16</t>
    <phoneticPr fontId="10"/>
  </si>
  <si>
    <t>Configure only if ChannelAccessType-r16 is semistatic</t>
    <phoneticPr fontId="10"/>
  </si>
  <si>
    <t>Enhancements to initial access procedure</t>
    <phoneticPr fontId="10"/>
  </si>
  <si>
    <t>ssbPositionQCL-Relationship-r16</t>
  </si>
  <si>
    <t>RMTC-Config-r16</t>
  </si>
  <si>
    <t>rmtc-Period-r16</t>
  </si>
  <si>
    <t>measDuration-r16</t>
  </si>
  <si>
    <t>rmtc-SubframeOffset-r16</t>
  </si>
  <si>
    <t>{1,2,4,8}</t>
  </si>
  <si>
    <t>ARFCN</t>
    <phoneticPr fontId="10"/>
  </si>
  <si>
    <t>channelOccupancyThreshold-r16 [0,…,76]</t>
    <phoneticPr fontId="10"/>
  </si>
  <si>
    <t>Per cell/per UE</t>
  </si>
  <si>
    <t>Per band</t>
  </si>
  <si>
    <t>Cell-specific/UE-specific</t>
    <phoneticPr fontId="10"/>
  </si>
  <si>
    <t>Add in measObjectNR to support RSSI measurement time configuration.</t>
  </si>
  <si>
    <t>Add in RMTC-Config-r16. Periodicity of measurement window in ms</t>
  </si>
  <si>
    <t>Add in RMTC-Config-r16. 
Measurement duration in OFDM symbols with a reference subcarrier spacing. FFS how to configure or select a reference subcarrier spacing for the OFDM symbol.</t>
    <phoneticPr fontId="10"/>
  </si>
  <si>
    <t>Add in RMTC-Config-r16. Measurement window offset in subframes</t>
  </si>
  <si>
    <t>Add in ReportConfigNR (Note: Not discussed in RAN1, but assume a report config is needed as in LTE LAA)</t>
    <phoneticPr fontId="10"/>
  </si>
  <si>
    <t>Add in ServingCellConfigCommon and ServingCellConfigCommonSIB. FFS how the window length is indicated (in ms/slot/SSB position index). Any SSB beyond indicated window will be assumed to be not transmitted</t>
    <phoneticPr fontId="10"/>
  </si>
  <si>
    <t>NFI-TotalDAI-Included-r16</t>
  </si>
  <si>
    <t>UL-TotalDAI-Included-r16</t>
  </si>
  <si>
    <t>pdsch-HARQ-ACK-OneShotFeedback-r16</t>
  </si>
  <si>
    <t>pusch-TimeDomainAllocationList-r16</t>
  </si>
  <si>
    <t>FFS new or extension</t>
  </si>
  <si>
    <t>Located in PhysicalCellGroupConfig. Add the support of enhanced dynamic HARQ ACK codebook by adding new value</t>
  </si>
  <si>
    <t xml:space="preserve">Multi-PUSCH UL grant support.
If not configured, not supporting multi-PUSCH UL grant. If configured, this is the maximum number of TTIs can be scheduled from one UL grant </t>
    <phoneticPr fontId="10"/>
  </si>
  <si>
    <t>Add in PhysicalCellGroupConfig. Applicable when enhanced dynamic codebook is configured. 
Indicating in the non-fallback DL grant DCI, the NFI and total DAI fields of the non-scheduled PDSCH group is included.</t>
    <phoneticPr fontId="10"/>
  </si>
  <si>
    <t>Add in PhysicalCellGroupConfig. Applicable when enhanced dynamic codebook is configured. 
Indicating in the non-fallback UL grant DCI, the total DAI fields of the additonal PDSCH group is included.</t>
    <phoneticPr fontId="10"/>
  </si>
  <si>
    <t>Add in PhysicalCellGroupConfig. When configured, the UE will report A/N for all HARQ processes and all CCs configured in the PUCCH group</t>
  </si>
  <si>
    <t>Can be configured only when pdsch-HARQ-ACK-Codebook is configured with value enhancedDynamic-r16</t>
  </si>
  <si>
    <t xml:space="preserve">Configured grant enhancement </t>
  </si>
  <si>
    <t>cg-minDFIDelay-r16</t>
  </si>
  <si>
    <t>cg-StartingFullBW-InsideCOT-r16</t>
  </si>
  <si>
    <t>cg-StartingFullBW-OutsideCOT-r16</t>
  </si>
  <si>
    <t>cg-StartingPartialBW-InsideCOT-r16</t>
  </si>
  <si>
    <t>cg-StartingPartialBW-OutsideCOT-r16</t>
  </si>
  <si>
    <t>betaOffsetCG-UCI-r16</t>
  </si>
  <si>
    <t>Add in ConfiguredGrantConfig.
A set of configure grant PUSCH transmission starting offsets which indicates the length of a CP extension of the first symbol that is located before the configured resource when frequency domain resource allocation includes all interlaces in the allocated LBT bandwidth(s) and the CG PUSCH resource is inside gNB COT</t>
    <phoneticPr fontId="10"/>
  </si>
  <si>
    <t>Add in ConfiguredGrantConfig.
A set of configure grant PUSCH transmission starting offsets which indicates the length of a CP extension of the first symbol that is located before the configured resource when frequency domain resource allocation includes all interlaces in the allocated LBT bandwidth(s) and the CG PUSCH resource is outside gNB COT</t>
    <phoneticPr fontId="10"/>
  </si>
  <si>
    <t>Add in ConfiguredGrantConfig.
Indicates the length of a CP extension of the first symbol that is located before the configured resource when frequency domain resource allocation does not include all interlaces in the allocated LBT bandwidth(s) and the CG PUSCH resource is inside gNB COT</t>
    <phoneticPr fontId="10"/>
  </si>
  <si>
    <t>Add in ConfiguredGrantConfig.
Indicates the length of a CP extension of the first symbol that is located before the configured resource when frequency domain resource allocation does includes all interlaces in the allocated LBT bandwidth(s) and the CG PUSCH resource is outside gNB COT</t>
    <phoneticPr fontId="10"/>
  </si>
  <si>
    <t>Beta offset for CG-UCI in CG-PUSCH</t>
    <phoneticPr fontId="10"/>
  </si>
  <si>
    <t>Wide-band operation</t>
    <phoneticPr fontId="10"/>
  </si>
  <si>
    <t>freqMonitorLocations-r16</t>
    <phoneticPr fontId="10"/>
  </si>
  <si>
    <t>AvailabilityIndicator</t>
  </si>
  <si>
    <t>ai-RNTI</t>
  </si>
  <si>
    <t xml:space="preserve">dci-PayloadSize-AI             </t>
  </si>
  <si>
    <t>availabilityCombToAddModList</t>
  </si>
  <si>
    <t>availabilityCombToReleaseList</t>
  </si>
  <si>
    <t>AvailabilityCombinationsPerCell</t>
  </si>
  <si>
    <t>availabilityCombinations</t>
  </si>
  <si>
    <t>positionInDCI-AI</t>
  </si>
  <si>
    <t>iabDuCellId-AI</t>
  </si>
  <si>
    <t>AvailabilityCombination</t>
  </si>
  <si>
    <t>availabilityCombinationId</t>
  </si>
  <si>
    <t>resourceAvailability</t>
  </si>
  <si>
    <t>SearchSpace-IAB</t>
  </si>
  <si>
    <t>duration-IAB</t>
  </si>
  <si>
    <t>monitoringSlotPeriodicityAndOffset-IAB</t>
  </si>
  <si>
    <t>monitoringSymbolsWithinSlot-IAB</t>
  </si>
  <si>
    <t>RNTI used by an IAB-MT for detection of DCI Format 2-[X] indicating DU-IA to an IAB node</t>
  </si>
  <si>
    <t>Indicates the resource availability for a set of consecutive slots in time domain</t>
  </si>
  <si>
    <t>If configured, IAB-MT monitors the DCI format 2_[X] according to TS 38.213</t>
  </si>
  <si>
    <t>Number of consecutive slots that a Search Space lasts in every occasion, i.e., upon every period as given in the periodicityAndOffset. If the field is absent, the IAB-MT applies the value 1 slot, except for DCI format 2_0 and DCI format 2_[x]. The UE ignores this field for DCI format 2_0 and DCI format 2_[x]. The maximum valid duration is periodicity-1 (periodicity as given in the monitoringSlotPeriodicityAndOffset)</t>
  </si>
  <si>
    <t>The IE AvailabilityIndicator is used to configure monitoring a PDCCH for Availability Indicators (AI)</t>
  </si>
  <si>
    <t>Total length of the DCI payload scrambled with ai-RNTI</t>
  </si>
  <si>
    <t>A list of AvailabilityCombinations to add for the IAB-DU's cells</t>
  </si>
  <si>
    <t>A list of AvailabilityCombinations to release for the IAB-DU's cells</t>
  </si>
  <si>
    <t>The IE AvailabilityCombinationsPerCell is used to configure the AvailabilityCombinations applicable for one IAB-DU cell</t>
  </si>
  <si>
    <t>A list with AvailabilityCombinations. Each AvailabilityComination comprises of one or more resourceAvailability</t>
  </si>
  <si>
    <t>The (starting) position (bit) of the availabilityCombinationId (AI-Index) for the indicated IAB-DU cell (iabDuCellId-AI) within the DCI payload</t>
  </si>
  <si>
    <t>The ID of the IAB-DU cell for which the availabilityCombinations are applicable</t>
  </si>
  <si>
    <t>Each AvailabilityCombination comprises of one or more resourceAvailability</t>
  </si>
  <si>
    <t>This ID is used in the DCI Format 2-X payload to dynamically select this AvailabilityCombination</t>
  </si>
  <si>
    <t>The IE searchSpace-IAB defines how/where to search for PDCCH candidates for an IAB-MT. Each search space is associated with one ControlResourceSet. For a scheduled cell in the case of cross carrier scheduling, except for nrofCandidates, all the optional fields are absent</t>
  </si>
  <si>
    <t>Slots for PDCCH Monitoring configured as periodicity and offset. If the IAB-MT  is configured to monitor DCI format 2_1, only the values 'sl1', 'sl2' or 'sl4' are applicable.  If the  IAB-MT is configured to monitor DCI format 2_0 or DCI format 2_[x], only the values ′sl1′, ′sl2′, ′sl4′, ′sl5′, ′sl8′, ′sl10′, ′sl16′, and ′sl20′ are applicable (see TS 38.213, clause 10)</t>
  </si>
  <si>
    <t>same value range for SFI-RNTI</t>
  </si>
  <si>
    <t>INTEGER (1..maxAI-DCI-PayloadSize),</t>
  </si>
  <si>
    <t>ai-RNTI, list of AvailabilityCombinationsPerCell of  SIZE(1..maxNrofAssociatedDUCellsPerMT)</t>
  </si>
  <si>
    <t>SEQUENCE (SIZE(1.. maxNrofAssociatedDUCellsPerMT)) OF AvailabilityCombinationsPerCell</t>
  </si>
  <si>
    <t>SEQUENCE (SIZE(1.. maxNrofAssociatedDUCellsPerMT)) OF ServCellIndex</t>
  </si>
  <si>
    <t>SEQUENCE (SIZE (1..maxNrofAvailabilityCombinationsPerSet)) of  AvailabilityCombination</t>
  </si>
  <si>
    <t xml:space="preserve">INTEGER(0..maxAI-DCI-PayloadSize-1)                                      </t>
  </si>
  <si>
    <t>Same as SearchSpace, except for new fields: dci-Format2-[X], duration-IAB, monitoringSlotPeriodicityAndOffset-IAB,  monitoringSymbolsWithinSlot-IAB,  nrofCandidates-IAB, searchSpaceType-IAB</t>
  </si>
  <si>
    <t xml:space="preserve">List of nrofCandidates-IAB per AggregationLevel {1,2,4,8,16}                   </t>
  </si>
  <si>
    <t xml:space="preserve">Same as duration </t>
  </si>
  <si>
    <t>Same as monitoringSlotPeriodicityAndOffset</t>
  </si>
  <si>
    <t>Same as monitoringSymbolsWithinSlot</t>
  </si>
  <si>
    <t>N/A</t>
  </si>
  <si>
    <t>PUSCH enhancements</t>
  </si>
  <si>
    <t>UCI enhancements</t>
  </si>
  <si>
    <t>Section 9.1 for 38.213</t>
  </si>
  <si>
    <t>Section 7.3.1 for 38.212
Section 5.1.2 for 38.214</t>
  </si>
  <si>
    <t xml:space="preserve">Section 7.3.1 for 38.212
</t>
  </si>
  <si>
    <t xml:space="preserve">Section 7.3.1 for 38.212
Section 5.1.5 for 38.214
</t>
  </si>
  <si>
    <t>Section 7.3.1 for 38.212
Section 5.2.1 for 38.214</t>
  </si>
  <si>
    <t>Section 7.3.1 for 38.212
Section 9.2.3 for 38.213</t>
  </si>
  <si>
    <t>Section 7.3.1 for 38.212
Section 9.3 for 38.213</t>
  </si>
  <si>
    <t>Section 7.3.1 for 38.212
Section 9.1 for 38.213</t>
  </si>
  <si>
    <t>Section 7.3.1 for 38.212
Section 6.3 for 38.214</t>
  </si>
  <si>
    <t>Section 6.1.2.3, 6.3 for 38.214</t>
  </si>
  <si>
    <t>Section 7.3.1.2.2 for 38.212
Section 7.2.1, 9.1.2, 9.1.3, 9.2.1 for 38.213</t>
  </si>
  <si>
    <t>Section 9.3 for 38.213</t>
  </si>
  <si>
    <t>Section 6.2.1 for 38.214</t>
  </si>
  <si>
    <t>Section 11 for 38.213</t>
  </si>
  <si>
    <t>Section 7.3.1 for 38.212
Section 11 for 38.213</t>
  </si>
  <si>
    <t>Section 7.3.1 for 38.212
Section 7 for 38.213</t>
  </si>
  <si>
    <t>PDSCH-Config</t>
  </si>
  <si>
    <t>searchSpaceType</t>
  </si>
  <si>
    <t>PUSCH-Config</t>
  </si>
  <si>
    <t>BWP-UplinkDedicated</t>
  </si>
  <si>
    <t>ConfiguredGrantConfig</t>
  </si>
  <si>
    <t>ControlResourceSet</t>
  </si>
  <si>
    <t>SRS-Config</t>
  </si>
  <si>
    <t>CSI-MeasConfig</t>
  </si>
  <si>
    <t>PUCCH-Config</t>
  </si>
  <si>
    <t>UCI-OnPUSCH</t>
  </si>
  <si>
    <t>PhysicalCellGroupConfig</t>
  </si>
  <si>
    <t>PDSCH-ServingCellConfig</t>
  </si>
  <si>
    <t>PDCCH-Config</t>
  </si>
  <si>
    <t>UplinkCancellation</t>
  </si>
  <si>
    <t>ci-ConfigurationPerServingCell</t>
  </si>
  <si>
    <t>timeFrequencyRegion</t>
  </si>
  <si>
    <t>PUSCH-PowerControl</t>
  </si>
  <si>
    <t>P0-PUSCH-Set</t>
  </si>
  <si>
    <t xml:space="preserve">CarrierIndicatorSize-ForDCIFormat1_2
</t>
  </si>
  <si>
    <t>prb-BundlingType-ForDCIFormat1_2</t>
  </si>
  <si>
    <t>rateMatchPatternGroup1-ForDCIFormat1_2</t>
  </si>
  <si>
    <t xml:space="preserve">rateMatchPatternGroup2-ForDCIFormat1_2 </t>
  </si>
  <si>
    <t>aperiodic-ZP-CSI-RS-ResourceSetsToAddModList-ForDCIFormat1_2</t>
  </si>
  <si>
    <t>pdsch-TimeDomainAllocationList-ForDCIFormat1_2</t>
  </si>
  <si>
    <t xml:space="preserve">dci-Formats-Rel16 </t>
  </si>
  <si>
    <t xml:space="preserve">HARQProcessNumberSize-ForDCIFormat1_2
</t>
  </si>
  <si>
    <t>HARQProcessNumberSize-ForDCIFormat0_2</t>
  </si>
  <si>
    <t>ResourceAllocationType1-granularity-ForDCIFormat1_2</t>
  </si>
  <si>
    <t>ResourceAllocationType1-granularity-ForDCIFormat0_2</t>
  </si>
  <si>
    <t>SubslotLength-ForPUCCH</t>
  </si>
  <si>
    <t>PUCCHConfigurationList</t>
  </si>
  <si>
    <t>vrb-ToPRB-Interleaver-ForDCIFormat1_2</t>
  </si>
  <si>
    <t>NumberofbitsforRV-ForDCIFormat1_2</t>
  </si>
  <si>
    <t xml:space="preserve">CarrierIndicatorSize-ForDCIFormat0_2
</t>
  </si>
  <si>
    <t>dmrs-DownlinkForPDSCH-MappingTypeA-ForDCIFormat1_2</t>
  </si>
  <si>
    <t>dmrs-DownlinkForPDSCH-MappingTypeB-ForDCIFormat1_2</t>
  </si>
  <si>
    <t>tci-PresentInDCI-ForDCIFormat1_2</t>
  </si>
  <si>
    <t>DMRSsequenceinitialization-ForDCIFormat1_2</t>
  </si>
  <si>
    <t>DMRSsequenceinitialization-ForDCIFormat0_2</t>
  </si>
  <si>
    <t>reportTriggerSize-ForDCIFormat0_2</t>
  </si>
  <si>
    <t>CSI-AperiodicTriggerStateList-ForDCIFormat0_2</t>
  </si>
  <si>
    <t>Numberofbits-forPUCCHresourceindicator-ForDCIFormat1_2</t>
  </si>
  <si>
    <t>dynamic-ForDCIFormat0_2</t>
  </si>
  <si>
    <t>Downlinkassignmentindex-ForDCIFormat0_2</t>
  </si>
  <si>
    <t>Downlinkassignmentindex-ForDCIFormat1_2</t>
  </si>
  <si>
    <t>frequencyHopping-ForDCIFormat0_2</t>
  </si>
  <si>
    <t>frequencyHoppingOffsetLists-ForDCIFormat0_2</t>
  </si>
  <si>
    <t>pdsch-HARQ-ACK-Codebook-List</t>
  </si>
  <si>
    <t> UCI-OnPUSCH-List</t>
  </si>
  <si>
    <t>PDSCH-CodeBlockGroupTransmission-List</t>
  </si>
  <si>
    <t>maxNrofUL-Allocations-Rel16</t>
  </si>
  <si>
    <t>PUSCH-TimeDomainResourceAllocationList-ForDCIformat0_2</t>
  </si>
  <si>
    <t>PUSCH-TimeDomainResourceAllocation-ForDCIformat0_2</t>
  </si>
  <si>
    <t>PUSCH-TimeDomainResourceAllocationList-ForDCIformat0_1</t>
  </si>
  <si>
    <t>PUSCH-TimeDomainResourceAllocation-ForDCIformat0_1</t>
  </si>
  <si>
    <t>CI-RNTI</t>
  </si>
  <si>
    <t>CI-PayloadSize</t>
  </si>
  <si>
    <t xml:space="preserve"> dci-PayloadSize-forCI</t>
  </si>
  <si>
    <t>positionInDCI</t>
  </si>
  <si>
    <t>timedurationforCI</t>
  </si>
  <si>
    <t>timeGranularityforCI</t>
  </si>
  <si>
    <t>frequencyRegionforCI</t>
  </si>
  <si>
    <t>P0-PUSCH-Set-List</t>
  </si>
  <si>
    <t>p0-PUSCH-SetId</t>
  </si>
  <si>
    <t>Configuredgrantconfig-StartingfromRV0</t>
  </si>
  <si>
    <t>CarrierIndicatorSize-ForDCIFormat1_2</t>
  </si>
  <si>
    <t>Configure the number of bits for the field "Carrier Indicator" in new DCI format(s) in Rel-16 for DL scheduling</t>
  </si>
  <si>
    <t>0, 1, 2, 3</t>
  </si>
  <si>
    <t>Agreements:
Support configurable number of bits for the following fields for DL DCI format scheduling Rel-16 URLLC.
• Carrier indicator (0 bit or at least one non-zero bit)
• PRB bundling size indicator (0 or 1 bit)
• Rate matching indicator (0, 1 or 2 bits)
• ZP CSI-RS trigger (0, 1 or 2 bits)
Agreements:
• Support configurable number of bits (0 or 1 or 2 or 3 bits) for “Carrier indicator” for the new DCI formats scheduling Rel-16 URLLC.
• The number of bits for “carrier indicator” in the new DCI format for DL scheduling and the new DCI format for UL scheduling can be separately configured.</t>
  </si>
  <si>
    <t>Configuration for DCI format 1_2, defined in the same way as in section 6.3.2 in 38.331 for prb-BundlingType</t>
  </si>
  <si>
    <t>Configuration for DCI format 1_2, defined in the same way as in section 6.3.2 in 38.331 for rateMatchPatternGroup1</t>
  </si>
  <si>
    <t xml:space="preserve">Agreements:
Support configurable number of bits for the following fields for DL DCI format scheduling Rel-16 URLLC.
• Carrier indicator (0 bit or at least one non-zero bit)
• PRB bundling size indicator (0 or 1 bit)
• Rate matching indicator (0, 1 or 2 bits)
• ZP CSI-RS trigger (0, 1 or 2 bits)
Note: The parameter is used to determine the number of bits for the field "Rate matching indicatorr" in DCI format 1_2 in Rel-16 for DL scheduling, according to the higher layer parameter rateMatchPatternGroup1 as in Rel-15 </t>
  </si>
  <si>
    <t>Configuration for DCI format 1_2, defined in the same way as in section 6.3.2 in 38.331 for rateMatchPatternGroup2</t>
  </si>
  <si>
    <t xml:space="preserve">Agreements:
Support configurable number of bits for the following fields for DL DCI format scheduling Rel-16 URLLC.
• Carrier indicator (0 bit or at least one non-zero bit)
• PRB bundling size indicator (0 or 1 bit)
• Rate matching indicator (0, 1 or 2 bits)
• ZP CSI-RS trigger (0, 1 or 2 bits)
Note: The parameter is used to determine the number of bits for the field "Rate matching indicator" in DCI format 1_2 in Rel-16 for DL scheduling, according to the higher layer parameter rateMatchPatternGroup2 as in Rel-15 </t>
  </si>
  <si>
    <t>Configuration for DCI format 1_2, defined in the same way as in section 6.3.2 in 38.331 for aperiodic-ZP-CSI-RS-ResourceSetsToAddModList</t>
  </si>
  <si>
    <t>As defined in section 6.3.2 in 38.331 for aperiodic-ZP-CSI-RS-ResourceSetsToAddModList</t>
  </si>
  <si>
    <t>Configuration for DCI format 1_2, defined in the same way as in section 6.3.2 in 38.331 for pdsch-TimeDomainAllocationList</t>
  </si>
  <si>
    <t>HARQProcessNumberSize-ForDCIFormat1_2</t>
  </si>
  <si>
    <t xml:space="preserve">0, 1, 2, 3, 4 </t>
  </si>
  <si>
    <t>Support separate configurable number of bits (2 or 3 or 4 bits) for “HARQ process number” for new DCI formats for scheduling DL and UL
• FFS 0 or 1 bits
Agreements:
Support the HARQ process number field in the new DCI format in DL and in the new DCI format in UL to be additionally configurable to 0 or 1 bit.
• The values of the HARQ process number field can map from 0 to 2^(the number of bits)-1. 
• Note: no additional specification effort for configuring 0 bit or 1 bit is expected</t>
  </si>
  <si>
    <t>Configure the scheduling granularity applicable for both the starting point and length indication for resource allocation type 1 in DCI format 1_2</t>
  </si>
  <si>
    <t xml:space="preserve"> 2, 4, 8, 16</t>
  </si>
  <si>
    <t>Configure the scheduling granularity applicable for both the starting point and length indication for resource allocation type 1 in DCI format 0_2</t>
  </si>
  <si>
    <t>2, 4, 8, 16</t>
  </si>
  <si>
    <t xml:space="preserve">Indicate the subslot Length for subslot based PUCCH feedback </t>
  </si>
  <si>
    <t xml:space="preserve">Configure PUCCH configurations for two simultaneously constructed HARQ-ACK codebooks   </t>
  </si>
  <si>
    <t xml:space="preserve">1..2 of PUCCH-Config  </t>
  </si>
  <si>
    <t>dci-Format2-4</t>
  </si>
  <si>
    <t>Agreements:
• For the maximum number of UL CG configurations per BWP of a serving cell:
o 12
Agreements:
• M&lt;=4 bits indication in the Release DCI is used for indicating which CG configuration(s) is/are released, where the association between each state indicated by the indication and the CG configuration(s) is
o Up to 2^M states are higher layer configurable, where each of the state can be mapped to a single or multiple CG configurations to be released
o In case of no higher layer configured state(s), separate release is used where the release corresponds to the CG configuration index indicated by the indication
NOTE: This parameter can belong to the IE "ConfiguredGrantConfig".</t>
  </si>
  <si>
    <t>1..16 of UL-Configuredgrantconfig-ReleaseState</t>
  </si>
  <si>
    <t>1..12 of UL-Configuredgrantconfig-index</t>
  </si>
  <si>
    <t>Configuration for DCI format 1_2, defined in the same way as in section 6.3.2 in 38.331 for vrb-ToPRB-Interleaver</t>
  </si>
  <si>
    <t>As defined in section 6.3.2 in 38.331 for vrb-ToPRB-Interleaver</t>
  </si>
  <si>
    <t xml:space="preserve">Agreements:
Support configurable number of bits (0 or 1 bit) for “VRB-to-PRB mapping” in the new DCI format for DL scheduling for Rel-16 URLLC. 
• If 0 bit is configured, non-interleaved VRB-to-PRB mapping as in Rel-15 is applied.  
</t>
  </si>
  <si>
    <t>Configure the number of bits for “Redundancy version” in the new DCI format for DL scheduling for Rel-16 URLLC.</t>
  </si>
  <si>
    <t>0, 1, 2</t>
  </si>
  <si>
    <t xml:space="preserve">Agreements:
Support configurable number of bits (0 or 1 or 2 bits) for “Redundancy version” in the new DCI format for DL scheduling for Rel-16 URLLC.
• If 0 bit is configured, RV0 is used. 
• If 1 bit is configured, RV0 and RV3 are indicated dynamically 
</t>
  </si>
  <si>
    <t>Configure the number of bits for the field "Carrier Indicator" in new DCI format(s) in Rel-16 for UL scheduling</t>
  </si>
  <si>
    <t xml:space="preserve">Configuration for DCI format 1_2, defined in the same way as in section 6.3.2 in 38.331 for dmrs-DownlinkForPDSCH-MappingTypeA. If both "dmrs-DownlinkForPDSCH-MappingTypeA-ForDCIFormat1_2" and "dmrs-DownlinkForPDSCH-MappingTypeB-ForDCIFormat1_2" are absent, then 0 bit for "Antenna port(s)" in DCI format 1_2. </t>
  </si>
  <si>
    <t>As defined in section 6.3.2 in 38.331 for dmrs-DownlinkForPDSCH-MappingTypeA</t>
  </si>
  <si>
    <t xml:space="preserve">Agreements:
For the new DCI format for DL scheduling for Rel-16 URLLC, support configurable number of bits for the following fields:
• Antenna port(s) (0 or 4/5/6 bits)
o New RRC configuration parameters are introduced for this configuration
• Transmission configuration indication (0 or 3 bits)
o FFS 1 or 2 bits
• SRS request (0 or 2 or 3 bits)
o FFS 1 bit
• DMRS sequence initialization (0 or 1 bit) 
</t>
  </si>
  <si>
    <t>Configuration for DCI format 1_2, defined in the same way as in section 6.3.2 in 38.331 for dmrs-DownlinkForPDSCH-MappingTypeB. If both "dmrs-DownlinkForPDSCH-MappingTypeA-ForDCIFormat1_2" and "dmrs-DownlinkForPDSCH-MappingTypeB-ForDCIFormat1_2" are absent, then 0 bit for "Antenna port(s)" in DCI format 1_2.</t>
  </si>
  <si>
    <t>As defined in section 6.3.2 in 38.331 for dmrs-DownlinkForPDSCH-MappingTypeB</t>
  </si>
  <si>
    <t xml:space="preserve">Configure whether the field "DMRS Sequence Initialization" is present or not in DCI format 1_2 If the field is absent, then 0 bit for the field "DMRS Sequence Initialization" in DCI format 1_2. If the field is present, then 1 bit as in DCI format 1_1 </t>
  </si>
  <si>
    <t xml:space="preserve">Configure whether the field "DMRS Sequence Initialization" is present or not in DCI format 0_2. If the field is absent, then 0 bit for the field "DMRS Sequence Initialization" in DCI format 0_2. If the field is present, then the number of bits is determined in the same way as in Rel-15 DCI format 0_1.  </t>
  </si>
  <si>
    <t xml:space="preserve">Agreements:
For the new DCI format for UL scheduling for Rel-16 URLLC, support configurable number of bits for the following fields:
• SRS resource indicator (0 or 1 or 2 or 3 or 4 bits)
o FFS details of configuration
• Precoding information and number of layers (0 or 1 or 2 or 3 or 4 or 5 or 6 bits)
o FFS details of configuration
• Antenna port(s) (0 or 2 or 3 or 4 or 5 bits)
o FFS details of configuration
• SRS request (0 or 2 or 3 bits)
o FFS details of configuration
• DMRS sequence initialization (0 or 1 bit) 
o New RRC parameter is introduced to configure whether this field is present in the DCI or not
o If the field is present, then the number of bits is determined in the same way as in Rel-15
• DMRS-PTRS association (0 or 2 bits)
o FFS details of configuration
</t>
  </si>
  <si>
    <t>Configuration for DCI format 0_2, defined in the same way as in section 6.3.2 in 38.331 for reportTriggerSize</t>
  </si>
  <si>
    <t xml:space="preserve">Agreements:
For the new DCI format for UL scheduling for Rel-16 URLLC, support new RRC configuration for CSI Request and the corresponding table:
• #of bits: 0 or 1 or 2 or 3 or 4 or 5 or 6 bits, derived the same way as that of Rel-15 non-fallback DCI
</t>
  </si>
  <si>
    <t>Configuration for DCI format 0_2, defined in the same way as in section 6.3.2 in 38.331 for CSI-AperiodicTriggerStateList</t>
  </si>
  <si>
    <t>As defined in section 6.3.2 in 38.331 for CSI-AperiodicTriggerStateList</t>
  </si>
  <si>
    <t>Configuration of the number of bits for "PUCCH resource indicator" in DCI format 1_2</t>
  </si>
  <si>
    <t xml:space="preserve">Agreements:
Support configurable size for “PUCCH resource indicator (0 or 1 or 2 or 3 bits)” for the new DCI format for DL scheduling.  
• New RRC parameter is introduced to for the configuration
</t>
  </si>
  <si>
    <t xml:space="preserve">Agreements:
Support configurable size for “beta offset indicator (0 or 1 or 2 bits)” for the new DCI format for UL scheduling.  
• New RRC parameter is introduced to for the configuration
</t>
  </si>
  <si>
    <t xml:space="preserve">Agreements:
Support configurable size for “Downlink assignment index (0 or 1 or 2 or 4 bits)” for the new DCI format for UL scheduling.  
• New RRC parameter is introduced to for the configuration
</t>
  </si>
  <si>
    <t xml:space="preserve">Configure the number of bits for "Downlink assignment index" is present or absent in DCI format 1_2. If the field is absent, then 0 bit for "Downlink assignment index" in DCI foramt 1_2. Note that 1 bit and 2 bits are applied if only one serving cell is configured in the DL and the higher layer parameter pdsch-HARQ-ACK-Codebook=dynamic. 4 bits is applied if more than one serving cell are configured in the DL and the higher layer parameter pdsch-HARQ-ACK-Codebook=dynamic. </t>
  </si>
  <si>
    <t>1, 2, 4</t>
  </si>
  <si>
    <t xml:space="preserve">Agreements:
Support configurable size for “Downlink assignment index (0 or 1 or 2 or 4 bits)” for the new DCI format for DL scheduling.  
• New RRC parameter is introduced to for the configuration
</t>
  </si>
  <si>
    <t>Configuration for DCI format 0_2, defined in the same way as in section 6.3.2 in 38.331 for frequencyHoppingOffsetLists</t>
  </si>
  <si>
    <t xml:space="preserve">Agreements:
In case frequency hopping is enabled for Rel-16 PUSCH, to determine the frequency locations of the two hops, reuse Rel-15 RRC parameters and equations for format 0_1, and introduce new RRC parameters (same as those of Rel-15) for new DCI UL format. 
• FFS time domain hopping pattern
</t>
  </si>
  <si>
    <t xml:space="preserve">A list of configuration for at least two simultaneously constructed HARQ-ACK codebooks, each configuration in the list is defined in the same way as in section 6.3.2 in 38.331 for pdsch-HARQ-ACK-Codebook </t>
  </si>
  <si>
    <t>1 to 2 of pdsch-HARQ-ACK-Codebook</t>
  </si>
  <si>
    <t xml:space="preserve">Agreements:
When at least two HARQ-ACK codebooks are simultaneously constructed for supporting different service types for a UE, PDSCH-HARQ-ACK-Codebook is separately configured.
</t>
  </si>
  <si>
    <t>Configuration for up to 2 HARQ-ACK codebooks. For the configuration for each HARQ-ACK codebook, defined in the similar way as in section 6.3.2 in 38.331 for UCI-OnPUSCH.</t>
  </si>
  <si>
    <t>1..2 of UCI-OnPUSCH</t>
  </si>
  <si>
    <t xml:space="preserve">Agreements:
When at least two HARQ-ACK codebooks are simultaneously constructed for supporting different service types for a UE, at least the followings are separately configured.
• For DG
 UCI-OnPUSCH
• For CG
 FFS
• codeBlockGroupTransmission
• FFS K1
</t>
  </si>
  <si>
    <t>Configuration for up to 2 HARQ-ACK codebooks. For the configuration for each HARQ-ACK codebook, defined in the same way as in section 6.3.2 in 38.331 for PDSCH-CodeBlockGroupTransmission.</t>
  </si>
  <si>
    <t>1..2 of PDSCH-CodeBlockGroupTransmission</t>
  </si>
  <si>
    <t>Maximum number of PUSCH time domain resource allocations</t>
  </si>
  <si>
    <t>Configuration of the time domain resource allocation (TDRA) table for DCIformat 0_2</t>
  </si>
  <si>
    <t xml:space="preserve">1..maxNrofUL-Allocations-Rel16 of PUSCH-TimeDomainResourceAllocation-ForDCIformat0_2  </t>
  </si>
  <si>
    <t>Agreements:
For the dynamic indication of the number of repetitions for dynamic grant:
• Jointly coded with SLIV in TDRA table, by adding an additional column for the number of repetitions in the TDRA table 
o The maximum TDRA table size is increased to 64
o No other spec impact is expected
Conclusion:
Definitions:
• “Rel-16 PUSCH transmission scheme”: Option 4
• “Rel-15 PUSCH transmission scheme”: the transmission is done according to Rel-15 behavior, either with or without slot aggregation. With slot aggregation, the number of repetitions can be either semi-statically configured (as in Rel-15) or dynamically indicated (as agreed for Rel-16).</t>
  </si>
  <si>
    <t>Configuration of the time domain resource allocation (TDRA) table for DCI format 0_1</t>
  </si>
  <si>
    <t>Agreements:
For DG and retransmission of CG, introduce one RRC parameter for each of the DCI format 0_1 and the new UL DCI format, to indicate whether UE follows the behavior for “Rel-16 PUSCH transmission scheme” or the behavior for “Rel-15 PUSCH transmission scheme”.
• FFS: whether to restrict that “Rel-16 PUSCH transmission scheme” cannot be enabled for both DCI formats simultaneously 
For Type 1 CG, introduce an RRC parameter per CG configuration to indicate whether UE follows the behavior for “Rel-16 PUSCH transmission scheme” or the behavior for “Rel-15 PUSCH transmission scheme”.
Agreements:
For Type 2 CG, UE uses the PUSCH transmission scheme (“Rel-16 PUSCH transmission scheme” or “Rel-15 PUSCH transmission scheme”) associated with the activating DCI format.</t>
  </si>
  <si>
    <t xml:space="preserve">Agreements:
• Regarding UL CI monitoring, support the following:
o A new RNTI (e.g. CI-RNTI) is used for UL CI
o FFS: Monitoring periodicity larger than [5] slot is not supported for UL CI
o The aggregation level(s) and the number of PDCCH candidates configured by RRC 
• FFS possible restrictions, e.g., the ones associated with SFI
o The DCI payload size for UL CI  is configured by RRC
• FFS possible values
</t>
  </si>
  <si>
    <t>Agreements:
• Support at least group common DCI for cancelation indication
o FFS whether or not to additionally support UE-specific DCI for cancelation indication
Agreements:
• Regarding UL CI monitoring, support the following:
o A new RNTI (e.g. CI-RNTI) is used for UL CI
o FFS: Monitoring periodicity larger than [5] slot is not supported for UL CI
o The aggregation level(s) and the number of PDCCH candidates configured by RRC 
• FFS possible restrictions, e.g., the ones associated with SFI
o The DCI payload size for UL CI  is configured by RRC
• FFS possible values</t>
  </si>
  <si>
    <t>RNTI used for indication cancellation in UL</t>
  </si>
  <si>
    <t>RNTI-Value</t>
  </si>
  <si>
    <t xml:space="preserve">Configure the field size for each UL cancelation indicator per serving cell </t>
  </si>
  <si>
    <t xml:space="preserve">Total length of the DCI payload scrambled with CI-RNTI </t>
  </si>
  <si>
    <t xml:space="preserve">Agreements:
• Cross-carrier UL cancelation indication is supported using the same way as Rel-15 SFI/DL PI
o The indication field position in DCI for each cross-carrier indicated serving cell is configured by RRC
</t>
  </si>
  <si>
    <t>0..maxCI-DCI-PayloadSize-1</t>
  </si>
  <si>
    <t>Configure the reference time and frequeny region where a detected UL CI is applicable</t>
  </si>
  <si>
    <t>{timedurationforCI, timeGranularityforCI, frequencyRegionforCI}</t>
  </si>
  <si>
    <t xml:space="preserve">Configure the reference frequency region where a detected UL CI is applicable </t>
  </si>
  <si>
    <t xml:space="preserve">1..maxNrofSRI-PUSCH-Mappings of P0-PUSCH-Set </t>
  </si>
  <si>
    <t>Configure the index of a p0-PUSCH-Set</t>
  </si>
  <si>
    <t>0..maxNrofSRI-PUSCH-Mappings-1</t>
  </si>
  <si>
    <t xml:space="preserve">Configure to enable or disable the feature of starting from any RV0 occasion for RV cyclic sequences {0,0,0,0} and {0,3,0,3}. If enabled, then Rel-15 behavior is applied. If disabled, then Rel-16 behavior is applied and PUSCH starts always from the first transmission occasion. </t>
  </si>
  <si>
    <t>{On, Off}</t>
  </si>
  <si>
    <t xml:space="preserve">Agreements:
 For CG PUSCH, 
 Introduce the RRC signalling per CG configuration to enable/disable the feature of starting from any RV0 occasion for RV cyclic sequences {0,0,0,0} and {0,3,0,3}.
 If disabled, Rel-16 behaviour
 If enabled, reuse Rel-15 behavior
</t>
  </si>
  <si>
    <t>Low PAPR RS</t>
    <phoneticPr fontId="10"/>
  </si>
  <si>
    <t>UL FPTX</t>
    <phoneticPr fontId="10"/>
  </si>
  <si>
    <t>ULFPTxModes </t>
  </si>
  <si>
    <t>{Mode1, Mode2}</t>
  </si>
  <si>
    <t>gNB configures UE to support UL full power transmission</t>
  </si>
  <si>
    <t>gNB configures UE to support UL full power transmission with Mode1 or Mode2. Note 1: whether this can be combined in ULFPTx or not is up to RAN2. Note 2: if ULFPTx is configured while ULFPTxModes is not configured, UE delivers full power in another operation mode other than mode 1 and mode 2.</t>
  </si>
  <si>
    <t>If UE only supports Mode 1 gNB cannot configure this UE to operate in Mode 2, if UE only supports Mode 2 gNB cannot configure this UE to operate in Mode 1</t>
  </si>
  <si>
    <t>MU-CSI</t>
    <phoneticPr fontId="10"/>
  </si>
  <si>
    <t>codebookType</t>
  </si>
  <si>
    <t>existing</t>
    <phoneticPr fontId="10"/>
  </si>
  <si>
    <t>Set of (N1,N2) values are same as Rel.15. Set of values for CBSR is the same as Rel.15</t>
  </si>
  <si>
    <t>Per CC per UE</t>
  </si>
  <si>
    <t>(N1,N2) parameter for R16 Type II codebook. Can reuse the IE for Rel.15 Type II (note: it is up to RAN2)</t>
  </si>
  <si>
    <t>Codebook type. Can reuse R15 RRC parameter, but with additional values</t>
  </si>
  <si>
    <t>Bitmap for rank restriction (Rel.16 Type II Port Selection CB supports up to rank 4)</t>
  </si>
  <si>
    <t>M-TRP</t>
    <phoneticPr fontId="10"/>
  </si>
  <si>
    <t>CORESETPoolIndex</t>
  </si>
  <si>
    <t>CRSPatternList- CORESETPoolIndex</t>
  </si>
  <si>
    <t>BDFactorR</t>
  </si>
  <si>
    <t>ACKNACKFeedbackMode</t>
  </si>
  <si>
    <t>FFS: [PUCCHResource- CORESETpoolIndex]</t>
  </si>
  <si>
    <t xml:space="preserve">[0:1] </t>
  </si>
  <si>
    <t>[1]</t>
  </si>
  <si>
    <t>{JointFeedback, SeperateFeedback}</t>
  </si>
  <si>
    <t>per PUCCH resource per UL BWP</t>
  </si>
  <si>
    <t>Per PhysicalCellGroupConfig</t>
  </si>
  <si>
    <t>[Agreement] For multi-PDCCH based multi-TRP operation, the maximum number of CORESETs per “PDCCH-config” is 5, according to UE capability.
[Agreement] For multi-PDCCH based multi-TRP operation, the maximum number of CORESETs that can be configured with the same TRP (i.e. same higher layer index configured per CORESET (if configured) per “PDCCH-Config”) is up to UE capability, including at least a candidate value of 3.</t>
    <phoneticPr fontId="10"/>
  </si>
  <si>
    <t>Agreement: For M-DCI NCJT transmission, each PUCCH resource may be associated with a value of higher layer index per CORESET</t>
    <phoneticPr fontId="10"/>
  </si>
  <si>
    <t xml:space="preserve">RAN1 is discussing different Alts to capture this agreement with or without this parameter. </t>
  </si>
  <si>
    <t>maxNrofPorts</t>
  </si>
  <si>
    <t>RepTCIMapping</t>
  </si>
  <si>
    <t>StartingSymbolOffsetK</t>
  </si>
  <si>
    <t>RVSeqOffset</t>
  </si>
  <si>
    <t>ENUMERATED {n1,  n2}</t>
  </si>
  <si>
    <t>ENUMERATED {CycMapping, SeqMapping}</t>
  </si>
  <si>
    <t>[0,1,2,3]</t>
  </si>
  <si>
    <t xml:space="preserve">Per DL BWP </t>
  </si>
  <si>
    <t>Per PTRS-DownlinkConfig per DL BWP</t>
  </si>
  <si>
    <t>Per PDSCH-TimeDomainResourceAllocation per DL BWP</t>
  </si>
  <si>
    <t>2 PT-RS ports can only be configured for single-PDCCH based multi-TRP operation.</t>
    <phoneticPr fontId="10"/>
  </si>
  <si>
    <t>MB1+2</t>
    <phoneticPr fontId="10"/>
  </si>
  <si>
    <t>maxNrofPUCCH-ResourceGroups</t>
  </si>
  <si>
    <t>simultaneousTCI-CellList</t>
  </si>
  <si>
    <t>simultaneousTCI-CellListId</t>
  </si>
  <si>
    <t>maxNrofSimultaneousTCI-CellList</t>
  </si>
  <si>
    <t>simultaneousSpatialRelationCellList</t>
  </si>
  <si>
    <t>simultaneousSpatialRelationCellListId</t>
  </si>
  <si>
    <t>maxNrofSimultaneousSpatialRelationCellList</t>
  </si>
  <si>
    <t>SRS-PathlossReferenceRS</t>
  </si>
  <si>
    <t>SRS-PathlossReferenceRS-Id</t>
  </si>
  <si>
    <t>maxNrofSRS-PathlossReferenceRSs</t>
  </si>
  <si>
    <t>64</t>
  </si>
  <si>
    <t>4</t>
  </si>
  <si>
    <t>To be determined by RAN2 
(Note: Up to maxNrofPUCCH-ResourceGroups PUCCH resource groups can be configured)</t>
    <phoneticPr fontId="10"/>
  </si>
  <si>
    <t>sequence (size of (1,…,maxNrofServingCells)) of ServCellIndex</t>
  </si>
  <si>
    <t>INTEGER (0..maxNrofSimultaneousTCI-CellList-1)</t>
  </si>
  <si>
    <t>INTEGER (0..maxNrofSimultaneousSpatialRelationCellList-1)</t>
  </si>
  <si>
    <t>2</t>
  </si>
  <si>
    <t>CHOICE {ssb-Index, csi-RS-Index} for each SRS-PathlossReferenceRS-Id</t>
  </si>
  <si>
    <t>INTEGER (0..maxNrofSRS-PathlossReferenceRSs-1)</t>
  </si>
  <si>
    <t>new R16</t>
  </si>
  <si>
    <t>Maximum number of PUCCH resource groups per BWP, where simultaneous spatial relation update by MAC CE within each group is applicable</t>
  </si>
  <si>
    <t>Explicit PUCCH resource grouping for simultaneous spatial relation update for PUCCH resources in a group by MAC CE.
How to define this parameter(s) is up to RAN2.</t>
    <phoneticPr fontId="10"/>
  </si>
  <si>
    <t>A list of CCs for which simultaneous TCI state activation across multiple CCs/BWPs by MAC CE is applied</t>
  </si>
  <si>
    <t>An ID of simultaneousTCI-CellList</t>
  </si>
  <si>
    <t>Maximum number of lists of CCs, where simultaneous TCI state activation by MAC CE within each list is applicable</t>
  </si>
  <si>
    <t>A list of CCs for which simultaneous spatial relation update across multiple CCs/BWPs by MAC CE is applied</t>
  </si>
  <si>
    <t>An ID of simultaneousSpatialRelationCellList</t>
  </si>
  <si>
    <t>Maximum number of lists of CCs, where simultaneous spatial relation update by MAC CE within each list is applicable</t>
  </si>
  <si>
    <t>Multiple candidate pathloss reference RS(s) for SRS power control, where one of the candidate RS(s) can be activated/updated for a SRS resource set via MAC CE</t>
  </si>
  <si>
    <t>An ID of SRS-PathlossReferenceRS</t>
  </si>
  <si>
    <t>Maximum number of RSs used as pathloss reference for SRS power control</t>
  </si>
  <si>
    <t>a constant value 
(used for dedicated RRC)</t>
    <phoneticPr fontId="10"/>
  </si>
  <si>
    <t>Configured in simultaneousTCI-CellList</t>
  </si>
  <si>
    <t>Configured in simultaneousSpatialRelationCellList</t>
  </si>
  <si>
    <t>Configured in SRS-PathlossReferenceRS</t>
  </si>
  <si>
    <t>The CC lists should be non-overlapped.</t>
  </si>
  <si>
    <t>schedulingRequestIDForBFR</t>
  </si>
  <si>
    <t>beamFailureInstanceMaxCount</t>
  </si>
  <si>
    <t>sequence (size of (1,…,maxNrofFailureDetectionResources)) of NZP-CSI-RS-ResourceId</t>
  </si>
  <si>
    <t xml:space="preserve">SchedulingRequestId </t>
  </si>
  <si>
    <t>The same as beamFailureInstanceMaxCount defined in R15</t>
  </si>
  <si>
    <t>New R16</t>
  </si>
  <si>
    <t>parameter to configure UE to report CRI+SINR or SSBRI+SINR 
Note: “extension of R15” means to define a reportQuantity-r16 based on reportQuantity defined in R15</t>
    <phoneticPr fontId="10"/>
  </si>
  <si>
    <t>number of RS to be reported in a beam report instance for L1-SINR based beam report
Note: Whether to use a new parameter or reuse groupBasedBeamReporting is up to RAN2.</t>
    <phoneticPr fontId="10"/>
  </si>
  <si>
    <t>new beam identification threshold</t>
    <phoneticPr fontId="10"/>
  </si>
  <si>
    <t>CSI-RS resources for beam failure detection
Note: Whether to use an parameter or reuse RadioLinkMonitoringConfig with restriction is up to RAN2.</t>
    <phoneticPr fontId="10"/>
  </si>
  <si>
    <t>dedicated request for SCell BFR.</t>
    <phoneticPr fontId="10"/>
  </si>
  <si>
    <t>resource list for SCell new beam identification</t>
    <phoneticPr fontId="10"/>
  </si>
  <si>
    <t>one resource for SCell new beam identification</t>
    <phoneticPr fontId="10"/>
  </si>
  <si>
    <t>serving cell index for RS for new beam identification</t>
    <phoneticPr fontId="10"/>
  </si>
  <si>
    <t xml:space="preserve">Maximum number of beam failure instance for beam failure detection
Note: Whether to use a new parameter or reuse the field beamFailureInstanceMaxCount in RadioLinkMonitoringConfig is up to RAN2. </t>
    <phoneticPr fontId="10"/>
  </si>
  <si>
    <t>It should be configured when candidateBeamResourceList is configured.</t>
    <phoneticPr fontId="10"/>
  </si>
  <si>
    <t>Only periodic 1-port CSI-RS for BM can be configured</t>
  </si>
  <si>
    <t xml:space="preserve">This parameter is optionally configured </t>
  </si>
  <si>
    <t xml:space="preserve">This parameter should be mandatorily configured with at least 1 resource when SCell BFR is configured for the same DL BWP </t>
  </si>
  <si>
    <t>PS_offset</t>
  </si>
  <si>
    <t>maxMIMO-Layers</t>
  </si>
  <si>
    <t>0,1</t>
  </si>
  <si>
    <t>1,…,8</t>
  </si>
  <si>
    <t>Extension of Rel-15</t>
  </si>
  <si>
    <t>Per search space</t>
  </si>
  <si>
    <t>Power saving RNTI used for CRC scrambling of PDCCH based power saving signal/channel</t>
    <phoneticPr fontId="10"/>
  </si>
  <si>
    <t>Maximum MIMO layer configuration for each DL BWP</t>
  </si>
  <si>
    <t xml:space="preserve">DCI format for the power saving indication in the search space  Configuration </t>
  </si>
  <si>
    <t>For a DL BWP, one parameter with up to two configured values (Minimum K0).
For an UL BWP, one parameter with up to two configured values (Minimum K2).
For a DL BWP, the Minimum K0 parameter denotes minimum applicable value(s) for the TDRA table for PDSCH and for A-CSI RS triggering Offset(s).
For an UL BWP, the Minimum K2 parameter denotes minimum applicable value(s) for the TDRA table for PUSCH.</t>
    <phoneticPr fontId="10"/>
  </si>
  <si>
    <t>38.331, 38.321</t>
  </si>
  <si>
    <t>A new RNTI (e.g., PS-RNTI) is introduced for the PDCCH-based power saving signal/channel decoding at least outside Active Time, UE-specifically configured
•The CRC of new DCI format for power saving signal/channel is scrambled by PS-RNTI outside active time</t>
    <phoneticPr fontId="10"/>
  </si>
  <si>
    <t>To adapt the minimum applicable value of K0 (K2) for an active DL (UL) BWP for the carrier where PDSCH(PUSCH) is transmitted, the following is supported:
•	One or two RRC configured values for restriction to the active TDRA table 
•	RRC configuration is per BWP 
•	If there are one or two RRC configured values for a BWP, 1-bit indication to indicate one value from two candidate values
•	For the case of one RRC configured value, the 1-bit indication further indicates whether or not there is no restriction to the active TDRA table
The 1-bit indication in DCI format 1_1 or format 0_1 is used to jointly determine the minimum applicable K0 for the active DL BWP and the minimum applicable K2 value for the active UL BWP, which are to be applied at least after the application delay.
Value zero is a valid configuration for the minimum applicable K0/K2 value for the case when two RRC values are configured for the BWP
•   Detail RRC configuration design is up to RAN2.
For the RRC configuration, the configured minimum applicable K0/K2 value(s) take integer value(s) in the range from 0 to [16]</t>
    <phoneticPr fontId="10"/>
  </si>
  <si>
    <t xml:space="preserve"> Support per-DL-BWP configuration of maximum number of DL MIMO layers 
-	Signalling details up to RAN2
When maximum number of DL MIMO layers per BWP is configured for all configured DL BWPs for a serving cell,
-	 At least one BWP is configured with per-BWP configured maximum number of DL MIMO layers value equal to the per-cell configured maximum number of DL MIMO layers value (if configured).
The configured per-BWP DL max MIMO layer value is expected to be less than or equal to the per-cell configured DL Max MIMO layer value (if configured).</t>
    <phoneticPr fontId="10"/>
  </si>
  <si>
    <t>Intra-UE prioritization/multiplexing</t>
  </si>
  <si>
    <t>Section 9.2 for 38.213</t>
  </si>
  <si>
    <t>schedulingRequestPriority</t>
  </si>
  <si>
    <t>Configuration for a SR resource indicating whether it is high or low priority in PHY prioritization/multiplexing handling</t>
  </si>
  <si>
    <t>per SR resource configuration</t>
  </si>
  <si>
    <t>38.213
38.214</t>
  </si>
  <si>
    <t>Section 9 for 38.213,
Section 6.1 for 38.214</t>
  </si>
  <si>
    <t>priority</t>
  </si>
  <si>
    <t>Configuration for a configured grant configuration  indicating whether it is high or low priority in PHY prioritization/multiplexing handling</t>
  </si>
  <si>
    <t>per CG configuration</t>
  </si>
  <si>
    <t>Agreements:
2-level PHY priority of CG PUSCH at least for PHY-layer collision handling is determined by an explicit indication (as a new RRC parameter) in each CG configuration for Type 1 and Type2 CG PUSCH.
- FFS whether/how or not to further have in Type2 CG PUSCH activation (FFS to complement or overwrite) the RRC configured indication and if so, the applicable DCI formats</t>
  </si>
  <si>
    <t>SPS</t>
  </si>
  <si>
    <t>Section 10.2 for 38.213</t>
  </si>
  <si>
    <t>Configure the index of a SPS configuration</t>
  </si>
  <si>
    <t>0, 1, 2, 3, 4, 5, 6, 7</t>
  </si>
  <si>
    <t>per SPS configuration</t>
  </si>
  <si>
    <t>The SPS configuration index is needed for SPS activation/release in RAN1.
RAN2 agreements:
-  R2 assumes to support 8 as the maximum number of simultaneously activated SPS configurations per BWP per serving cell.
- Introduce SPS/CG index to identify each SPS/CG among multiple SPS/CG configurations, i.e., as in Rel-15 LTE.</t>
  </si>
  <si>
    <t xml:space="preserve">Configure the table for SPS release, each of the state can be mapped to a single or multiple SPS configurations to be released  </t>
  </si>
  <si>
    <t>SPS-PUCCH-AN-List</t>
  </si>
  <si>
    <t>Configure a list of PUCCH resource IDs (up to 4) per HARQ-ACK codebook and the corresponding payload size, which are common for all SPS configurations. If configured, this overrides n1PUCCH-AN in SPS-config.</t>
  </si>
  <si>
    <t>See description</t>
  </si>
  <si>
    <t>per HARQ-ACK codebook</t>
  </si>
  <si>
    <t>Agreements:
For cases where only HARQ-ACK feedback for SPS PDSCHs without associated DL assignment shall be reported (i.e. no dynamic PDSCH HARQ-ACK), 
- Multiple PUCCH resources are configured common for all SPS configurations per HARQ-ACK codebook. The actual PUCCH resource to be used among PUCCH resources is determined based on HARQ-ACK payload size
 ○ Number of PUCCH resources is up to 4
 ○ FFS details (e.g., threshold for determining PUCCH resource)
Note that it has been agreed to support up to 2 HARQ-ACK codebooks.</t>
  </si>
  <si>
    <t>SPS-PUCCH-AN-ResourceID</t>
  </si>
  <si>
    <t>Configure the PUCCH resource ID in  SPS-PUCCH-AN-List</t>
  </si>
  <si>
    <t>(0..127)</t>
  </si>
  <si>
    <t>maxPayloadSize</t>
  </si>
  <si>
    <t>Configure the maximum payload size for the corresponding PUCCH resource ID</t>
  </si>
  <si>
    <t>Agreements:
For cases where only HARQ-ACK feedback for SPS PDSCHs without associated DL assignment shall be reported (i.e. no dynamic PDSCH HARQ-ACK), PUCCH resource i is selected if HARQ-ACK payload size (not including CRC) is in the range of {Ni,min, …, Ni,max} bits, where the number of PUCCH resources in the selection is from 0 up to 3. 
- N0,min=1, N0,max=2
- For i≠0
  ○ Ni,max is configured by RRC; if not configured, Ni,max is 1706.
  ○ Ni,min is equal to Ni-1,max+1 
Note: The above mechanism is equivalent to rel-15 procedure when a single PUCCH resource is configured per PUCCH resource set.</t>
  </si>
  <si>
    <t>Multiple LTE-CRS rate matching patterns</t>
  </si>
  <si>
    <t>38.211
38.213
38.214</t>
  </si>
  <si>
    <t>Section 7.3.2.2 and 7.4.1.1.2 for 211
Section 10 and 10.1 for 213
Section 5.1.4.2 for 214</t>
  </si>
  <si>
    <t>ServingCellConfig</t>
  </si>
  <si>
    <t>LTE-CRS-PatternList-r16</t>
  </si>
  <si>
    <t>SEQUENCE (SIZE (1..6)) OF RateMatchPatternLTE-CRS</t>
  </si>
  <si>
    <t>per serving cell configuration</t>
  </si>
  <si>
    <t xml:space="preserve">Agreements:
• For DSS TEI
o Maximum number of LTE-CRS non-overlapping rate matching patterns within a NR carrier is X
 X is three
o Maximum number of LTE-CRS overlapping rate matching patterns within a part of NR carrier overlapping with a LTE carrier is Y
 Y is two
o Maximum number of LTE-CRS rate matching patterns in total within a NR carrier is Z
 Z is six
 UE capability for Z={[1,] 2, 3, 4, 5, 6} is defined
</t>
  </si>
  <si>
    <t>msgA-totalNumberOfRA-Preambles</t>
  </si>
  <si>
    <t>msgApreamble-powerRampingStep</t>
  </si>
  <si>
    <t>ssb-perRACH-OccasionAndCB-PreamblesPerSSB-msgA</t>
  </si>
  <si>
    <t>msgA-prach-RootSequenceIndex</t>
  </si>
  <si>
    <t>msgA-restrictedSetConfig</t>
  </si>
  <si>
    <t>msgA-zeroCorrelationZoneConfig</t>
  </si>
  <si>
    <t>INTEGER (1..63)</t>
  </si>
  <si>
    <t>ENUMERATED {unrestrictedSet, restrictedSetTypeA, restrictedSetTypeB}</t>
  </si>
  <si>
    <t>INTEGER(0..15)</t>
  </si>
  <si>
    <t>Same as ssb-perRACH-OccasionAndCB-PreamblesPerSSB</t>
  </si>
  <si>
    <t>Same as prach-RootSequenceIndex</t>
  </si>
  <si>
    <t>Power ramping steps for msgA PRACH. If the parameter is not configured, reuse the value of powerRampingStep in RACH-ConfigGeneric</t>
  </si>
  <si>
    <t xml:space="preserve">Configuration of the number of SSBs per RO, and number of contention-based preambles for each SSB. If this parameter is not configured, reuse the parameter ssb-perRACH-OccasionAndCB-PreamblesPerSSB </t>
  </si>
  <si>
    <t>PRACH root sequence index. If this parameter is not configured, reuse prach-RootSequenceIndex</t>
  </si>
  <si>
    <t>Configuration of an unrestricted set or one of two types of restricted sets for msgA preamble. If this parameter is not configured, reuse restrictedSetConfig</t>
  </si>
  <si>
    <t>N-CS configuration for msgA preamble. If this parameter is not configured, reuse zeroCorrelationZoneConfig</t>
  </si>
  <si>
    <t>msgA-CB-PreamblesPerSSB</t>
  </si>
  <si>
    <t>msgA-ssb-sharedROmaskindex</t>
  </si>
  <si>
    <t>Number of contention-based preambles used for 2-step RACH, from the non-CBRA preambles associated with each SSB. The number of SSBs per RACH occasion is same as that configured by ssb-perRACH-OccasionAndCB-PreamblesPerSSB and the number of preamble for 2-step RACH shall not exceed the number of preambles per SSB minus the number of preambles per SSB for 4-step RACH</t>
  </si>
  <si>
    <t>msgA-PUSCH-configList</t>
  </si>
  <si>
    <t>msgA-MCS</t>
  </si>
  <si>
    <t>mappingTypeMsgAPUSCH</t>
  </si>
  <si>
    <t>guardBandMsgAPUSCH</t>
  </si>
  <si>
    <t>msgA-intraSlotFrequencyHopping</t>
  </si>
  <si>
    <t>msgA-HoppingBits</t>
  </si>
  <si>
    <t>nrofDMRS-Sequences</t>
  </si>
  <si>
    <t>msgA-transformPrecoder</t>
  </si>
  <si>
    <t>msgA-dataScramblingIdentity</t>
  </si>
  <si>
    <t>SEQUENCE (SIZE(1..2)) OF MsgA-PUSCH-config</t>
  </si>
  <si>
    <t>Up to two msgA PUSCH configurations in an UL BWP. If msgA PUSCH configuration is not configured for the UL BWP, it can follow that of initial BWP.
MsgA-PUSCH-config includes the following parameters which are noted as “per configuration Per BWP”.</t>
    <phoneticPr fontId="10"/>
  </si>
  <si>
    <t>INTEGER (0,1)</t>
  </si>
  <si>
    <t>Configurable PRB-level guard band between FDMed PUSCH occasions</t>
  </si>
  <si>
    <t xml:space="preserve">Intra-slot frequency hopping per PUSCH occasion.
The hopping pattern is based on the msg 3 hopping pattern in Rel.15 </t>
    <phoneticPr fontId="10"/>
  </si>
  <si>
    <t xml:space="preserve">Value of hopping bits to indicate which frequency offset to be used for the second hop. See Table 8.3-1 in 38.213. </t>
    <phoneticPr fontId="10"/>
  </si>
  <si>
    <t>Dedicated alpha value for MsgA PUSCH. If value is absent, use msg3-Alpha if configured, else UE applies value 1.</t>
  </si>
  <si>
    <t>Waveform of msgA PUSCH. If the parameter is not configured, msgA PUSCH follows the waveform of msg3</t>
  </si>
  <si>
    <t>Identifier used to initiate data scrambling (c_init) for msgA PUSCH. If the field is absent, the UE applies the physical cell ID</t>
  </si>
  <si>
    <t>BIT STRING (SIZE (2))</t>
  </si>
  <si>
    <t>NR_2step_RACH-Core</t>
  </si>
  <si>
    <t>NR_unlic-Core</t>
  </si>
  <si>
    <t>NR_IAB-Core</t>
  </si>
  <si>
    <t>5G_V2X_NRSL-Core</t>
  </si>
  <si>
    <t>NR_L1enh_URLLC-Core</t>
  </si>
  <si>
    <t>NR_eMIMO-Core</t>
  </si>
  <si>
    <t>NR_UE_pow_sav-Core</t>
  </si>
  <si>
    <t>NR_pos-Core</t>
  </si>
  <si>
    <t>LTE_NR_DC_CA_enh-Core</t>
  </si>
  <si>
    <t>SL carrier</t>
  </si>
  <si>
    <t>TBD</t>
    <phoneticPr fontId="10"/>
  </si>
  <si>
    <t>carrierBandwidth-SL</t>
  </si>
  <si>
    <t xml:space="preserve">Indicates the bandwidth of the sidelink carrier. </t>
  </si>
  <si>
    <t>UE specific, Cell specific</t>
  </si>
  <si>
    <t>Agreements in RAN1#95:
• BWP is defined for NR sidelink.
o In a licensed carrier, SL BWP is defined separately from BWP for Uu from the specification perspective.
* FFS the relation with Uu BWP.
o The same SL BWP is used for both Tx and Rx.
o Each resource pool is (pre)configured within a SL BWP. 
o Only one SL BWP is (pre)configured for RRC idle or out of coverage NR V2X UEs in a carrier. 
o For RRC connected UEs, only one SL BWP is active in a carrier. No signalling is exchanged in sidelink for activation and deactivation of SL BWP.
* Working assumption: only one SL BWP is configured in a carrier for a NR V2X UE
- Revisit in the next meeting if significant issues are found
o Numerology is a part of SL BWP configuration. 
• Note: This does not intend to make restriction in designing the sidelink aspects related to SL BWP.
• Note: This does not preclude the possibility where a NR V2X UE uses a Tx RF bandwidth the same as or different than the SL BWP.</t>
    <phoneticPr fontId="13" type="noConversion"/>
  </si>
  <si>
    <t>absoluteFrequencySSB-SL</t>
  </si>
  <si>
    <t>Indicates the frequency location of sidelink SSB. The transmission bandwidth for sidelink SSB is within the bandwidth of this sidelink BWP.</t>
  </si>
  <si>
    <t xml:space="preserve">Indicates the number of sidelink SSB transmissions within one sidelink SSB period. In FR1, 1 for 15 kHz SCS, 1 or 2 for 30 kHz SCS, 1, 2, or 4 for 60 kHz SCS are applicable. In FR2, 1, 2, 4, 8, 16 or 32 for 60 kHz SCS, 1, 2, 4, 8, 16, 32 or 64 for 120 kHz SCS are applicable.  </t>
  </si>
  <si>
    <t xml:space="preserve">Indicates the synchronization priority order. </t>
  </si>
  <si>
    <t>1, 2, 4, 8, 16, 32, 64</t>
  </si>
  <si>
    <t>Agreements made in RAN1 AH-1901:
• The frequency location for S-SSB is (pre-) configured
o Note: it implies that there is no intended hypothses detection in frequency location of S-SSB performed by the UE for a carrier in a given band
o Note: the potential frequency locations for the (pre-)configured frequency location may be restricted, up to RAN4</t>
    <phoneticPr fontId="13" type="noConversion"/>
  </si>
  <si>
    <t xml:space="preserve">Agreements made in RAN1#96:
• Whether GNSS-based synchronization or gNB/eNB-based synchronization is used is (pre)-configured. </t>
    <phoneticPr fontId="13" type="noConversion"/>
  </si>
  <si>
    <t>mcs-Table-SL</t>
  </si>
  <si>
    <t>Indicates the minimum granularity in frequency domain for the sensing for PSSCH resource selection in the unit of PRB.</t>
  </si>
  <si>
    <t>startRB-Subchannel</t>
  </si>
  <si>
    <t>numSubchannel</t>
  </si>
  <si>
    <t>Indicates the number of subchannels in the corresponding resource pool, which consists of contiguous PRBs only.</t>
  </si>
  <si>
    <t xml:space="preserve">Agreements made in RAN1#97:
• Sub-channel size is (pre)configurable.
o FFS details (e.g., possible sizes, a minimum size etc.)
Agreements made in RAN1#98bis:
• Support {10, 15, 20, 25, 50, 75, 100} PRBs for possible sub-channel size.
o FFS other values (e.g., 4, 5, 6, etc.)
• One value of the above set is (pre)configured for the sub-channel size for the resource pool.
</t>
    <phoneticPr fontId="13" type="noConversion"/>
  </si>
  <si>
    <t>PSCCH</t>
  </si>
  <si>
    <t>timeResourcePSCCH</t>
  </si>
  <si>
    <t>Indicates the number of symbols for PSCCH in a resource pool.</t>
  </si>
  <si>
    <t>frequencyResourcePSCCH</t>
  </si>
  <si>
    <t>Indicates the number of PRBs for PSCCH in a resource pool where it is not greater than the number PRBs of the subchannel.</t>
  </si>
  <si>
    <t>MinTimeGapPSFCH</t>
  </si>
  <si>
    <t>p0-DL-PSFCH</t>
  </si>
  <si>
    <t>alpha-DL-PSCCHPSSCH</t>
  </si>
  <si>
    <t>alpha-DL-PSFCH</t>
  </si>
  <si>
    <t>p0-DL-PSCCHPSSCH</t>
  </si>
  <si>
    <t>P0 value for DL pathloss based power control for PSCCH/PSSCH. If not configured, DL pathloss based power control is disabled for PSCCH/PSSCH.</t>
  </si>
  <si>
    <t>P0 value for DL pathloss based power control for PSFCH. If not configured, DL pathloss based power control is disabled for PSFCH.</t>
  </si>
  <si>
    <t>p0-SL-PSCCHPSSCH</t>
  </si>
  <si>
    <t>P0 value for SL pathloss based power control for PSCCH/PSSCH. If not configured, SL pathloss based power control is disabled for PSCCH/PSSCH.</t>
  </si>
  <si>
    <t>alpha value for DL pathloss based power control for PSCCH/PSSCH. When the field is absent the UE applies the value 1</t>
  </si>
  <si>
    <t>alpha-SL-PSCCHPSSCH</t>
  </si>
  <si>
    <t>alpha value for SL pathloss based power control for PSCCH/PSSCH when sl-pathloss is enabled. When the field is absent the UE applies the value 1</t>
  </si>
  <si>
    <t>{fc0, fc1, fc2, fc3, fc4, fc5, fc6, fc7, fc8, fc9, fc11, fc13,
fc15, fc17, fc19, spare1, ...}</t>
  </si>
  <si>
    <t>Agreements made in RAN1#97:
• For the SL open-loop power control, a UE can be configured to use DL pathloss (between TX UE and gNB) only, SL pathloss (between TX UE and RX UE) only, or both DL pathloss and SL pathloss.
• When the SL open-loop power control is configured to use both DL pathloss and SL pathloss,
o The minimum of the power values given by open-loop power control based on DL pathloss and the open-loop power control based on SL pathloss is taken.
* (Working assumption) P0 and alpha values are separately (pre-)configured for DL pathloss and SL pathloss.
Agreements made in RAN1#98bis:
• For PSFCH power control, 
o It is supported that the open-loop power control is based on the pathloss between PSFCH TX UE and gNB (if PSFCH TX UE is in-coverage):
 The nominal power and alpha for PSFCH power control are configured separately from the parameters used for PSCCH/PSSCH power control.
o  (working assumption) Sidelink pathloss based PSFCH power control is not supported.</t>
    <phoneticPr fontId="13" type="noConversion"/>
  </si>
  <si>
    <t>TImeOffsetLTESL</t>
  </si>
  <si>
    <t>UE-Identity-LTESL</t>
  </si>
  <si>
    <t>timeGapFirstSidelinkTransmission</t>
  </si>
  <si>
    <t>A table of values which indicates the possible time gap values between DCI reception and the first sidelink transmission scheduled by the DCI.</t>
  </si>
  <si>
    <t>UE-Identity-DG</t>
  </si>
  <si>
    <t>minMcs-Mode1</t>
  </si>
  <si>
    <t>maxMcs-Mode1</t>
  </si>
  <si>
    <t>Indicates the maximum MCS value used for Mode 1 configured and dynamic grants. If no MCS is configured, UE autonomously selects MCS from the full range of values.</t>
  </si>
  <si>
    <t>Agreements made in RAN1#98bis:
• To signal the gap between DCI reception and the first sidelink transmission scheduled by DCI:
o A table of values is configured by RRC.
o DCI determines which of the configured values is used.
o FFS how to determine the slot for the first sidelink transmission (e.g., based on the indicated value, potential async between Uu &amp; SL, different numerologies, etc.)
o FFS if the gap is in physical or logical slots.</t>
    <phoneticPr fontId="13" type="noConversion"/>
  </si>
  <si>
    <t xml:space="preserve">Agreements made in RAN1#98bis:
• In Mode-1, for a UE, for each of the configured MCS tables (for both DG &amp; CG):
o If no MCS is configured, UE autonomously selects MCS from the full range of values 
 Up to UE implementation
 FFS details for the MCS table
o If a single MCS is configured, the MCS is used by the UE
o If a range of two or more MCSs are configured, UE autonomously selects the MCS from the configured values
 Up to UE implementation
</t>
    <phoneticPr fontId="13" type="noConversion"/>
  </si>
  <si>
    <t>SL-ThresRSRP_pi_pj</t>
    <phoneticPr fontId="13" type="noConversion"/>
  </si>
  <si>
    <t>Indicates initial SL RSRP threshold for each combination of the priority in the decoded SCI pi and the priority of the transmission in the UE selecting resources pj. Value 0 corresponds to minus infinity dBm, value 1 corresponds to -128dBm, value 2 corresponds to -126dBm, value n corresponds to (-128 + (n-1)*2) dBm and so on, value 66 corresponds to infinity dBm.</t>
    <phoneticPr fontId="13" type="noConversion"/>
  </si>
  <si>
    <t>0..66</t>
  </si>
  <si>
    <t>reserveResourceDifferentTB</t>
    <phoneticPr fontId="13" type="noConversion"/>
  </si>
  <si>
    <t>Indicates if it is allowed to reserve a sidelink resource for an initial transmission of a TB by an SCI associated with a different TB, based on sensing and resource selection procedure</t>
    <phoneticPr fontId="13" type="noConversion"/>
  </si>
  <si>
    <t>Per resource pool</t>
    <phoneticPr fontId="13" type="noConversion"/>
  </si>
  <si>
    <t xml:space="preserve">Agreements made in RAN1#98bis::
• In Step 1, initial L1 SL-RSRP threshold for each combination of pi and pj is (pre-)configured, where pi - priority indication associated with the resource indicated in SCI and pj - priority of the transmission in the UE selecting resources
</t>
    <phoneticPr fontId="13" type="noConversion"/>
  </si>
  <si>
    <t>Agreements made in RAN1#96bis::
• NR V2X supports an initial transmission of a TB without reservation, based on sensing and resource selection procedure
• NR V2X supports reservation of a sidelink resource for an initial transmission of a TB at least by an SCI associated with a different TB, based on sensing and resource selection procedure
o This functionality can be enabled/disabled by (pre-)configuration
• FFS Standalone PSCCH transmissions for resource reservations are supported in NR V2X</t>
    <phoneticPr fontId="13" type="noConversion"/>
  </si>
  <si>
    <t>Indicates whether CSI reporting is enabled in sidelink unicast. If not set, SL CSI reporting is disabled.</t>
  </si>
  <si>
    <t>enable</t>
  </si>
  <si>
    <t xml:space="preserve">Working assumption made in RAN1#96:
• CSI reporting can be enabled and disabled by configuration.
Agreements made in RAN1#98bis:
• SL CSI-RS is transmitted by a UE only if: 
o when the corresponding PSSCH is transmitted (as agreed before) by the UE, and,
o when SL CQI/RI reporting is enabled by higher layer signaling, and 
o when enabled, if the corresponding SCI by the UE triggers the SL CQI/RI reporting </t>
    <phoneticPr fontId="13" type="noConversion"/>
  </si>
  <si>
    <t>In-device coexistence</t>
  </si>
  <si>
    <t>LTESidelinkSSBPriority</t>
    <phoneticPr fontId="13" type="noConversion"/>
  </si>
  <si>
    <t>Indicates the priority of LTE PSSS/SSSS/PSBCH transmission and reception.</t>
    <phoneticPr fontId="13" type="noConversion"/>
  </si>
  <si>
    <t>1..8</t>
    <phoneticPr fontId="13" type="noConversion"/>
  </si>
  <si>
    <t>NRSidelinkSSBPriority</t>
    <phoneticPr fontId="13" type="noConversion"/>
  </si>
  <si>
    <t>Indicates the priority of NR SL SSB transmission and reception.</t>
    <phoneticPr fontId="13" type="noConversion"/>
  </si>
  <si>
    <t>CBR measurement</t>
  </si>
  <si>
    <t>threshS-RSSI-CBR</t>
  </si>
  <si>
    <t>Indicates the S-RSSI threshold for determining the contribution of a sub-channel to the CBR measurement. Value 0 corresponds to -112 dBm, value 1 to -110 dBm, value n to (-112 + n*2) dBm, and so on.</t>
  </si>
  <si>
    <t>0..45</t>
  </si>
  <si>
    <t xml:space="preserve">Agreements made in RAN1#98bis:
• A sidelink resource is busy for the purpose of CBR measurement if Sidelink RSSI measured by the UE in that resource exceeds a (pre-)configured threshold.
</t>
  </si>
  <si>
    <t>7.6.2</t>
  </si>
  <si>
    <t>NR-DC-PC-mode</t>
    <phoneticPr fontId="10"/>
  </si>
  <si>
    <t>Selects the uplink power control mode to use for NR-DC.</t>
  </si>
  <si>
    <t>UE secific (could be cond-MCG)</t>
  </si>
  <si>
    <t>Per cell group</t>
  </si>
  <si>
    <t xml:space="preserve">Maximum transmit power allowed in a cell group's FR2 carriers </t>
  </si>
  <si>
    <t>7.6.1</t>
  </si>
  <si>
    <t>FFS: tdm-PatternConfig-r15 or tdm-PatternConfig-r16 (or an independent parameter)</t>
  </si>
  <si>
    <t>tdm-PatternConfig-r15</t>
  </si>
  <si>
    <t>7.6.1, 7.6.1A</t>
  </si>
  <si>
    <t>tdm-PatternConfig-r16</t>
    <phoneticPr fontId="10"/>
  </si>
  <si>
    <t>tdm-PatternConfig-r16</t>
  </si>
  <si>
    <t>No default value</t>
  </si>
  <si>
    <t>Low latency Scell setup/activation/deactivation</t>
  </si>
  <si>
    <t>212: DCI, 213: new section?</t>
  </si>
  <si>
    <t>Scell-groups-for-dormancy-outside-active-time</t>
  </si>
  <si>
    <t>Configures the Scell groups corresponding to the explicit information field in DCI, i.e.,  bitmap with 1 bit per group of configured Scells for indicating dormancy/non-dormancy of Scells when the UE is outside the Active Time using PDCCH with CRC scrambled by PS-RNTI.</t>
  </si>
  <si>
    <t>Default = 0, i.e., no groups configured</t>
  </si>
  <si>
    <t>A-CSI RS triggering with different SCS</t>
  </si>
  <si>
    <t>5.2.1.5.1</t>
  </si>
  <si>
    <t>NZP-CSI-RS-ResourceSet</t>
  </si>
  <si>
    <t>aperiodicTriggeringOffset</t>
  </si>
  <si>
    <t>Same as R15</t>
  </si>
  <si>
    <t>Unaligned frame boundary with slot alignment and partial SFN alignment for inter-band CA</t>
  </si>
  <si>
    <t>38.214
(38.211?)</t>
  </si>
  <si>
    <t>5.1.2.1, 6.1.2.1
(38.211 new section, e.g. 4.3.3?)</t>
  </si>
  <si>
    <t>SCellConfig</t>
  </si>
  <si>
    <t>CA-slot-offset</t>
  </si>
  <si>
    <t>Time offset between the PCell and the Scell</t>
  </si>
  <si>
    <t>0 (Rel-15 offset is always 0)</t>
  </si>
  <si>
    <t>Cross-carrier scheduling with different SCS</t>
    <phoneticPr fontId="10"/>
  </si>
  <si>
    <t>HARQ-ACK codebook type and HARQ-ACK spatial bundling configuration per PUCCH group</t>
  </si>
  <si>
    <t>38.213</t>
    <phoneticPr fontId="10"/>
  </si>
  <si>
    <t>9</t>
    <phoneticPr fontId="10"/>
  </si>
  <si>
    <t>PUCCH-config</t>
    <phoneticPr fontId="10"/>
  </si>
  <si>
    <t>harq-ACK-SpatialBundlingPUCCH-r16</t>
    <phoneticPr fontId="10"/>
  </si>
  <si>
    <t>As in Rel-15</t>
    <phoneticPr fontId="10"/>
  </si>
  <si>
    <t>Per UE per PUCCH group</t>
    <phoneticPr fontId="10"/>
  </si>
  <si>
    <t>UE specific</t>
    <phoneticPr fontId="10"/>
  </si>
  <si>
    <t>38.331</t>
    <phoneticPr fontId="10"/>
  </si>
  <si>
    <t>harq-ACK-SpatialBundlingPUSCH-r16</t>
  </si>
  <si>
    <t>As in Rel-15</t>
  </si>
  <si>
    <t>pdsch-HARQ-ACK-Codebook-r16</t>
  </si>
  <si>
    <t>NR-DC</t>
    <phoneticPr fontId="10"/>
  </si>
  <si>
    <t xml:space="preserve">Agreements: 
For single tx switched UL in EN-DC with TDD PCell, the LTE PCell can be configured with DL-reference UL/DL config
o	For DL HARQ timing, the DL-reference UL/DL configuration is applied
•	Support HARQ-offset for SUO case1 in EN-DC with LTE TDD PCell 
    • Note: from UE perspective, it is expected that HARQ-offset value doesn’t violate the DL/UL configuration (in SIB1).
    • For type 1 UE, the feature is optional. FFS for type 2 UE.
	Only LTE TDD Pattern 2, 4, 5 can be used as DL-reference
Agreements:
When UE is configured with DL-reference config on the LTE PCell to support single UL in EN-DC with LTE TDD PCell, regarding the case of LTE PCell’s TDD pattern 0 &amp; 6 (as configured in SIB1) 
• Not supported in R16.
</t>
  </si>
  <si>
    <t>Agreement [RAN1#98bis]: When the UE is outside Active Time, for the L1 based mechanism for transitioning from ’dormancy-like’ to ’non-dormancy like’ behaviour on activated Scells, an explicit information field for the UE is introduced to the PDCCH WUS
o	The explicit information field is configurable within a range of 0 to X1 bits, X1 &lt;&lt;15
Agreement [RAN1#98bis]: For the L1 based Scell dormancy indication sent on primary cell outside active time in WUS PDCCH
o	The explicit information field in DCI is a bitmap with up to X1 bits and 1 bit per group of configured Scells. Each Scell group can have one/multiple Scells and up to X1 Scell groups are configured via RRC.  The Scell group configuration is independent from the Scell group configuration for dormancy indication within active time (if supported) . 	X1 = [5], Note: X1 is upper bound.
o	Note: Number of bits used for explicit information field in WUS PDCCH is based on configuration</t>
  </si>
  <si>
    <t xml:space="preserve">o In Rel-16, support enabling HARQ-ACK codebook type and HARQ-ACK spatial bundling configuration per PUCCH group.
o Note: vs. per cell group in Rel-15
</t>
  </si>
  <si>
    <t>msgA-prach-ConfigurationIndex</t>
    <phoneticPr fontId="10"/>
  </si>
  <si>
    <t>It is up to RAN2 whether to comprise this parameter into the RACH-ConfigGeneric, or generate a separate set of parameters in a new IE.
FFS whether the parameter is broadcast or dedicated signaled.</t>
    <phoneticPr fontId="10"/>
  </si>
  <si>
    <t>(4…256)
The value is absent for the first and the last PUCCH resource ID,.</t>
  </si>
  <si>
    <r>
      <t xml:space="preserve">A list of LTE CRS patterns around which the UE shall do rate matching for PDSCH </t>
    </r>
    <r>
      <rPr>
        <sz val="8"/>
        <rFont val="Arial"/>
        <family val="2"/>
      </rPr>
      <t>with 15 kHz subcarrier spacing. This list is not expected to be configured for a UE together with lte-CRS-ToMatchAround of ServingCellConfig or ServingCellConfigCommon. There may be up to three groups of CRS patterns where the groups are pair-wise non-overlapping in frequency and each group may consist of up to two CRS patterns that are fully overlapping in frequency.</t>
    </r>
    <phoneticPr fontId="10"/>
  </si>
  <si>
    <t>gNB Report</t>
  </si>
  <si>
    <t>FFS in RAN2 WG</t>
  </si>
  <si>
    <t>TimingMeasQuality</t>
  </si>
  <si>
    <t xml:space="preserve">FFS in RAN2 WG </t>
  </si>
  <si>
    <t>FFS for RAN3 WG</t>
  </si>
  <si>
    <t xml:space="preserve">ss-PBCH-BlockPower </t>
  </si>
  <si>
    <t>DL-PRS-ResourcePower</t>
  </si>
  <si>
    <t>TimingMeasQuality.Value</t>
  </si>
  <si>
    <t>TimingMeasQuality.Resolution</t>
  </si>
  <si>
    <t>Timestamp</t>
  </si>
  <si>
    <t>NumPositioningFrequencyLayers</t>
  </si>
  <si>
    <t>NumTrpPerPositioningFrequencyLayer</t>
  </si>
  <si>
    <t>NumDL PRS ResourcesPerSet</t>
  </si>
  <si>
    <t>NumOfUL-PositioningResourcesPerSet</t>
  </si>
  <si>
    <t>DL-PRS-ResourceAzimuthAngle</t>
  </si>
  <si>
    <t>DL-PRS-ResourceElevationAngle</t>
  </si>
  <si>
    <t>NumDL-PRS-ResourcesPerSet</t>
  </si>
  <si>
    <t>This parameter controls how many times each DL-PRS Resource is repeated for a single instance of the DL-PRS Resource Set. It is applied to all resources of DL PRS Resource Set.</t>
  </si>
  <si>
    <t xml:space="preserve">DL-PRS-ResourceTimeGap indicates offset in units of slots between two repeated instances of a DL PRS Resource corresponding to the same DL-PRS Resource ID within a single instance of the DL PRS Resource Set. DL-PRS-ResourceTimeGap is provided only if DL-PRS-ResourceRepetitionFactor is configured and is greater than 1. The time duration spanned by one DL PRS Resource set containing repeated DL PRS Resources should not exceed DL-PRS-Periodicity. </t>
  </si>
  <si>
    <t>Defines time offset of the SFN0 slot 0 for given TRP with respect to SFN0 slot 0 of FFS for RAN2 WG 1) serving TRP or 2) serving cell 3) etc.</t>
  </si>
  <si>
    <t xml:space="preserve">Defines slot offset with respect to SFN slot 0 for a TRP where DL PRS Resource Set is configured (i.e. slot where the first DL PRS Resource of DL PRS Resource Set occurs) </t>
  </si>
  <si>
    <t>Resource element offset in frequency domain for the first symbol in a DL PRS Resource. The relative RE offsets of following symbols are defined relative to the RE Offset in frequency domain of the first symbol in the DL PRS resource</t>
  </si>
  <si>
    <t>Points to starting slot of DL PRS Resource with respect to corresponding DL-PRS-ResourceSetSlotOffset</t>
  </si>
  <si>
    <t xml:space="preserve">QCL indication with other DL reference signals for serving and neighboring cells
</t>
    <phoneticPr fontId="10"/>
  </si>
  <si>
    <t>Absolute frequency of the reference resource block for DL PRS. Its lowest subcarrier is also known as DL PRS Point A. 
A single Point A for DL PRS resource allocation is provided per positioning frequency layer.  All DL PRS Resources belonging to the same DL PRS Resource Set have common Point A</t>
    <phoneticPr fontId="10"/>
  </si>
  <si>
    <t>This ID can be used along with a DL PRS Resource Set ID and a DL PRS Resources ID to uniquely identify a DL PRS Resource. 
This ID can be associated with multiple DL PRS Resource Sets associated with a single TRP.
Each TRP should only be associated with one such ID.
Name can be defined by RAN2 WG.</t>
    <phoneticPr fontId="10"/>
  </si>
  <si>
    <t>Note: The ss-PBCH-BlockPower is currently defined as average EPRE of the resource elements that carry secondary synchronization signals in dBm that the TRP use for SSB transmission (see TS 38.213, clause 7; range currently defined as INTEGER (-60..50)).</t>
    <phoneticPr fontId="10"/>
  </si>
  <si>
    <t>A DL PRS resource can be associated with azimuth angle in either GCS or LCS
Note: The details of the message (e.g., resolution, range, etc.) can be defined in RAN3.</t>
    <phoneticPr fontId="10"/>
  </si>
  <si>
    <t>A DL PRS resource can be associated with elevation angle in either GCS or LCS
Note: The details of the message (e.g., resolution, range, etc.) can be defined in RAN3</t>
    <phoneticPr fontId="10"/>
  </si>
  <si>
    <t>{1, 2, 4, 8, 16, 32}</t>
  </si>
  <si>
    <t>us</t>
  </si>
  <si>
    <t>{0,1,…, DL-PRS-Periodicity-1}</t>
  </si>
  <si>
    <t>{0, 1, 2, …, 12 }</t>
  </si>
  <si>
    <t xml:space="preserve"> (24, 28, 32, 36, 40, …, 268, 272)</t>
  </si>
  <si>
    <t>INTEGER(0..2176)</t>
  </si>
  <si>
    <t>INTEGER (-60..50)</t>
  </si>
  <si>
    <t>•	4 PRB granularity is used for DL PRS BW configuration
•	Maximum BW for DL PRS in PRBs does not exceed 272 PRBs
•	Minimum BW for DL PRS in PRBs is not less than 24 PRBs</t>
    <phoneticPr fontId="10"/>
  </si>
  <si>
    <t xml:space="preserve">For providing an indication of when the DL PRSs are expected to arrive in time at the UE </t>
    <phoneticPr fontId="10"/>
  </si>
  <si>
    <t>•	For providing an indication of when the DL PRSs are expected to arrive in time at the UENote: It is assumed that precise TRP transmission time differences are provided to the UE for UE-based positioning (which is in the scope of RAN2).
•	Note: RAN2 can optimize the signalling to cover both UE-based and UE-assisted positioning in a single framework.</t>
    <phoneticPr fontId="10"/>
  </si>
  <si>
    <t>For the purpose of power control of the SRS for positioning, if a DL reference signal –SSB is to be used as DL path loss reference, the ss-PBCH-BlockPower is provided to the UE by higher layers for each required TRP (e.g., serving and neighbours)
If the DL reference signal to be used as DL path loss reference is a SSB, provide the ss-PBCH-BlockPower.</t>
    <phoneticPr fontId="10"/>
  </si>
  <si>
    <t>For the purpose of power control of the SRS for positioning, if a DL reference signal – DL-PRS-ResourcePower is to be used as DL path loss reference, the DL-PRS-ResourcePower is provided to the UE by higher layers for each required TRP (e.g., serving and neighbours)
If the DL reference signal to be used as DL path loss reference is a DL-PRS, provide the DL-PRS-Resource-Power.</t>
    <phoneticPr fontId="10"/>
  </si>
  <si>
    <t>freqDomainShift</t>
  </si>
  <si>
    <t>groupOrSequenceHopping</t>
  </si>
  <si>
    <t>freqDomainShift</t>
    <phoneticPr fontId="10"/>
  </si>
  <si>
    <t>List of SRS Resources with SRS related configuration settings. Each resource set defines a set of SRS-Resources.</t>
    <phoneticPr fontId="10"/>
  </si>
  <si>
    <t>Parameter(s) for configuring group or sequence hopping (see TS 38.211 [16], clause 6.4.1.4.2).</t>
    <phoneticPr fontId="10"/>
  </si>
  <si>
    <t>The ID of this resource set. It is unique in the context of the BWP in which the SRS for positioning is defined</t>
  </si>
  <si>
    <t>The IDs of the SRS-Resources for positioning used in this SRS-ResourceSet.</t>
  </si>
  <si>
    <t>Time domain behavior of SRS resource configuration, see TS 38.214 [19], clause 6.2.1. The network configures SRS resources in the same resource set with the same time domain behavior on periodic, aperiodic and semi-persistent SRS.</t>
  </si>
  <si>
    <t>INTEGER (0,…,268)</t>
  </si>
  <si>
    <t>c-SRS INTEGER (0,…,63)</t>
  </si>
  <si>
    <t>ENUMERATED {neither, groupHopping, 
sequenceHopping }</t>
    <phoneticPr fontId="10"/>
  </si>
  <si>
    <t>aperiodic, semipersistent, periodic</t>
    <phoneticPr fontId="10"/>
  </si>
  <si>
    <t>Alpha</t>
  </si>
  <si>
    <t xml:space="preserve"> INTEGER (-202..24)</t>
  </si>
  <si>
    <t>RAN2 WG is to define signaling to provide:
time/frequency occupancy of the SSB and TX power
the time/frequency occupancy of the DL-PRS and TX power.</t>
    <phoneticPr fontId="10"/>
  </si>
  <si>
    <t>The minimum time gap between PSFCH and the associated PSSCH in the unit of slots.</t>
    <phoneticPr fontId="10"/>
  </si>
  <si>
    <t>1Tx switched UL for EN-DC with LTE TDD PCell</t>
    <phoneticPr fontId="10"/>
  </si>
  <si>
    <t>P-NR-FR2</t>
    <phoneticPr fontId="10"/>
  </si>
  <si>
    <t>38.213, 36.213, 36.212</t>
    <phoneticPr fontId="10"/>
  </si>
  <si>
    <t>Per LTE Pcell in EN-DC</t>
    <phoneticPr fontId="10"/>
  </si>
  <si>
    <t>NR_IIOT-Core</t>
  </si>
  <si>
    <t>R16_TEI</t>
    <phoneticPr fontId="10"/>
  </si>
  <si>
    <t>DCI-bits-for-dormancy-within-active-time (X2)</t>
  </si>
  <si>
    <t>Configures the number of DCI bits for the L1-based mechanism to indicate dormancy/non-dormancy status for group of Scells when the UE is in the Active Time.</t>
  </si>
  <si>
    <t>Default = not used</t>
  </si>
  <si>
    <t>Requires intra/inter CU coordination: FFS</t>
  </si>
  <si>
    <t>Requires intra/inter CU coordination: Yes</t>
  </si>
  <si>
    <t>SSB-based Discovery and measurement (SSB Tx config, F1-AP)</t>
  </si>
  <si>
    <t>FR1: 15khz, 30khz
FR2: 120khz, 240khz</t>
  </si>
  <si>
    <t>0, … , (number of half frames within SSB transmission periodicity) – 1</t>
  </si>
  <si>
    <t>SSB-based Discovery and measurement (SSB Rx config, RRC)</t>
  </si>
  <si>
    <t>Up to RAN2 whether or not to have a separate signaling 
Note: This parameter is included in MeasObjectNR as in Rel-15.</t>
  </si>
  <si>
    <t>PRACH (RRC)</t>
  </si>
  <si>
    <t>For IAB nodes there needs to be the ability to configure the RACH configuration separately from the RACH configuration for UE access. As a result all the parameters in RACH-ConfigGeneric and RACH-ConfigCommon need to have the ability to be configured specifically for IAB nodes</t>
  </si>
  <si>
    <t>Resource multiplexing (F1-AP)</t>
  </si>
  <si>
    <t xml:space="preserve">Per-cell D/U/F resource type configuration </t>
  </si>
  <si>
    <t>All patterns, periodicities, and slot configs supported in TDD-UL-DL-Pattern, TDD-UL-DL-SlotConfig, TDD-UL-DL-SlotConfig-IAB-MT and Table 11.1.1-1 in TS38.213</t>
  </si>
  <si>
    <t>Per-cell H/S/NA attributes per-resource type</t>
  </si>
  <si>
    <t xml:space="preserve">{DL-Hard, DL-Soft, DL-Not Available, UL-Hard, UL-Soft, UL-Not Available, Flexible-Hard, Flexible-Soft, Flexible-Not Available} per resource type in a slot relative to IAB-DU-Resource-Configuration-TDD-Config
</t>
  </si>
  <si>
    <t>Per-cell D/U/F resource type configuration of a child IAB node DU</t>
  </si>
  <si>
    <t>Same as IAB-DU Resource-Configuration-TDD-Config</t>
  </si>
  <si>
    <t>Per-cell H/S/NA attributes per-resource type of a child IAB node DU</t>
  </si>
  <si>
    <t>Same as IAB-DU-Resource-Configuration-H/S/NA-Config</t>
  </si>
  <si>
    <t>Child-IAB-DU-Resource-Configuration-CellSpecificSignalsChannels-Config (final name in specification to be determined by RAN2/3)</t>
  </si>
  <si>
    <t>Cell-specific signals/channels configurations of a child IAB-DU</t>
  </si>
  <si>
    <t>IAB-Node-Multiplexing-Capability</t>
  </si>
  <si>
    <t>Indicates the multiplexing capability between IAB-MT and IAB-DU functions (TDM required, TDM not required) of an IAB node to for any {MT CC, DU cell} pair with respect to each transmission direction combination:
MT-TX/DU-TX
MT-TX/DU-RX 
MT-RX/DU-TX
MT-RX/DU-RX</t>
  </si>
  <si>
    <t>List of {MT CC, DU cell} pairs each with a corresponding  value {TDM required, TDM not required} for each transmission direction combination:
MT-TX/DU-TX
MT-TX/DU-RX 
MT-RX/DU-TX
MT-RX/DU-RX</t>
  </si>
  <si>
    <t>Resource multiplexing (MAC-CE)</t>
  </si>
  <si>
    <t>DesiredGuardSymbols (final name in specification to be determined by RAN2/3)</t>
  </si>
  <si>
    <t>[0, 4] (in Rel-16)
+ 
GuardSymbol-SCS:
FR1: {15kHz, 30kHz, 60kHz}
FR2: {60kHz, 120kHz}</t>
  </si>
  <si>
    <t>Provided Guard Symbols (name in specification to be determined by RAN2/3)</t>
  </si>
  <si>
    <t>Resource multiplexing (RRC)</t>
  </si>
  <si>
    <t>Per-MT D/U/F resource configuration, overrides all symbols (with a limitation that effectively only flexible symbols can be overwritten in Rel-16) per slot over the number of slots as provided by TDD-UL-DL-ConfigurationCommon</t>
  </si>
  <si>
    <t>Same as TDD-UL-DL-ConfigDedicated except for TDD-UL-DL-SlotConfig-IAB-MT + slot formats with the sequence order UL-Flexible-DL</t>
  </si>
  <si>
    <t>slotSpecificConfigurationsToAddModList-IAB-MT</t>
  </si>
  <si>
    <t>A set of slot configurations which allows overriding UL/DL allocations provided in tdd-UL-DL-configurationCommon (with a limitation that effectively only flexible symbols can be overwritten in Rel-16)</t>
  </si>
  <si>
    <t xml:space="preserve">SEQUENCE (SIZE (1..maxNrofSlots)) OF TDD-UL-DL-SlotConfig-IAB-MT       </t>
  </si>
  <si>
    <t>slotSpecificConfigurationsToreleaseList-IAB-MT</t>
  </si>
  <si>
    <t>Releases a set of slot configurations previously added with TDD-UL-DL-ConfigDedicated-IAB-MT</t>
  </si>
  <si>
    <t xml:space="preserve">SEQUENCE (SIZE (1..maxNrofSlots)) OF TDD-UL-DL-SlotIndex        </t>
  </si>
  <si>
    <t>TDD-UL-DL-SlotConfig-IAB-MT</t>
  </si>
  <si>
    <t>Used to configure an IAB-MT with the SlotConfig applicable for one serving cell</t>
  </si>
  <si>
    <t xml:space="preserve">Same as TDD-UL-DL-SlotConfig except for symbols-IAB-MT </t>
  </si>
  <si>
    <t>symbols-IAB-MT</t>
  </si>
  <si>
    <t>Same as symbols with additiona value explicit-[IAB-MT]</t>
  </si>
  <si>
    <t>SEQUENCE 
positionInDCI-AI, iabDuCellId-AI,  SEQUENCE of AvailabilityCombination of SIZE (1..maxNrofAvailabilityCombinationsPerSet))</t>
  </si>
  <si>
    <t>availabilityCombinationId,
  resourceAvailability</t>
  </si>
  <si>
    <t>INTEGER (0..maxNrofAvailabilityCombinationsPerSet-1),
  maxNrofAvailabilityCombinationsPerSet = 512</t>
  </si>
  <si>
    <t>The first symbol(s) for PDCCH monitoring in the slots configured for PDCCH monitoring (see monitoringSlotPeriodicityAndOffset-IAB and duration-IAB). The most significant (left) bit represents the first OFDM in a slot, and the second most significant (left) bit represents the second OFDM symbol in a slot and so on. The bit(s) set to one identify the first OFDM symbol(s) of the control resource set within a slot. If the cyclic prefix of the BWP is set to extended CP, the last two bits within the bit string shall be ignored by the IAB-MT.
For DCI format 2_0 or DCI format 2_[x], the first one symbol applies if the duration of CORESET (in the IE ControlResourceSet) identified by controlResourceSetId indicates 3 symbols, the first two symbols apply if the duration of CORESET identified by controlResourceSetId indicates 2 symbols, and the first three symbols apply if the duration of CORESET identified by controlResourceSetId indicates 1 symbol.
See TS 38.213, clause 10</t>
  </si>
  <si>
    <t>Case-1 timing (MAC-CE)</t>
  </si>
  <si>
    <t>T_delta (name in specification to be determined by RAN2)</t>
  </si>
  <si>
    <t xml:space="preserve">(-1/2) of time interval at the parent node between the start of UL RX frame i for the IAB node and the start of DL TX frame i.   </t>
  </si>
  <si>
    <t>Defined by RAN4:
SCS [kHz]              Max T_delta [Tc]                    Min T_delta [Tc]
15                     - N_TAoffset /2 + 6256           - N_TAoffset /2 - 70528
30                     - N_TAoffset /2 + 6128          - N_TAoffset /2 - 35328
60                     - N_TAoffset /2 + 6032          - N_TAoffset /2 - 17664
120                   - N_TAoffset  /2 + 6032         - N_TAoffset /2 - 8816</t>
  </si>
  <si>
    <t>Agreed to be signaled via MAC-CE in RAN1 #98bis.</t>
  </si>
  <si>
    <t>38.212
38.213</t>
    <phoneticPr fontId="10"/>
  </si>
  <si>
    <t>When drx_OnDurationTimer does not start, RAN1 agrees the following report(s) are impacted by the WUS indication
o	SP L1-RSRP reporting 
o	SP-CSI
o	SRS
Except:
•	by configuration, whether or not for periodic L1-RSRP reporting
•	by configuration, whether or not for periodic CSI
•	By default, both the above two are also impacted by the WUS indication
Note: for the above two bullets (under Except), no additional RAN1 impact is expected in Rel-16</t>
    <phoneticPr fontId="10"/>
  </si>
  <si>
    <t>Cell specific</t>
  </si>
  <si>
    <t>CO-DurationList-r16</t>
    <phoneticPr fontId="10"/>
  </si>
  <si>
    <t>Add in CO-DurationPerCell-r16</t>
  </si>
  <si>
    <t>UE-specific</t>
  </si>
  <si>
    <t>Value copied from LTE-LAA</t>
    <phoneticPr fontId="10"/>
  </si>
  <si>
    <t>Note: The offset is not needed anymore, The periods are aligned with even radio frame boundary</t>
    <phoneticPr fontId="10"/>
  </si>
  <si>
    <t>Channel access procedures</t>
  </si>
  <si>
    <t>CP-ExtensionC2-r16</t>
  </si>
  <si>
    <t>INTEGER (1..28)</t>
  </si>
  <si>
    <t>CP-ExtensionC3-r16</t>
  </si>
  <si>
    <t>Add in BWP-UplinkDedicated (how about BWP-UplinkCommon?)</t>
  </si>
  <si>
    <t>pdsch-HARQ-ACK-OneShotFeedbackNDI-r16</t>
  </si>
  <si>
    <t>Add in PhysicalCellGroupConfig. Only config when pdsch-HARQ-ACK-OneShotFeedback-r16 is configured.</t>
  </si>
  <si>
    <t>pdsch-HARQ-ACK-OneShotFeedbackCBG-r16</t>
  </si>
  <si>
    <t>When configured, the UE will include NDI for each A/N reported</t>
    <phoneticPr fontId="10"/>
  </si>
  <si>
    <t>When configured, the UE will include CBG level A/N for each CC with CBG level A/N configured. When not configured, the UE will report TB level A/N even if CBG level A/N is configured for a CC</t>
    <phoneticPr fontId="10"/>
  </si>
  <si>
    <t>cg-nrofPUSCH-InSlot-r16</t>
  </si>
  <si>
    <t>Introduce this in ConfiguredGrantConfig. Within the slot, this is the number of consecutive PUSCH configured to CG, where the SLIV indicating the first PUSCH and additional PUSCH appended with the same length</t>
  </si>
  <si>
    <t>FFS if this parameter is already introduced in other work items, so we can share RRC parameter</t>
  </si>
  <si>
    <t>cg-CG-UCI-Multiplexing</t>
  </si>
  <si>
    <t>Add in ConfiguredGrantConfig</t>
  </si>
  <si>
    <t>When configured, In the case of PUCCH overlapping with CG-PUSCH(s) within a PUCCH group, the CG-UCI and HARQ-ACK are jointly encoded (CG-UCI is treated as the same type as a HARQ-ACK). When not configured, In the case of PUCCH overlapping with CG-PUSCH(s) within a PUCCH group and PUCCH carries HARQ ACK feedback, configured grant PUSCH is skipped</t>
  </si>
  <si>
    <t>If no configured, the guard bands are derived from RAN4 spec</t>
  </si>
  <si>
    <t>Wide-band operation</t>
  </si>
  <si>
    <t>intraCellGuardBandUL-r16</t>
  </si>
  <si>
    <t>msgA-timeDomainAllocation</t>
    <phoneticPr fontId="10"/>
  </si>
  <si>
    <t>INTEGER (1.. maxNrofUL-Allocations)</t>
    <phoneticPr fontId="10"/>
  </si>
  <si>
    <t>INTEGER (0..127)</t>
    <phoneticPr fontId="10"/>
  </si>
  <si>
    <t>INTEGER (1..32)</t>
    <phoneticPr fontId="10"/>
  </si>
  <si>
    <t>interlaceIndexFirstPOMsgAPUSCH</t>
  </si>
  <si>
    <t>Interlace index of the first PO in frequency domain if interlaced PUSCH is configured</t>
    <phoneticPr fontId="10"/>
  </si>
  <si>
    <t>nrofInterlacesPerMsgAPO</t>
  </si>
  <si>
    <t>Number of consecutive interlaces per PO if interlaced PUSCH is configured</t>
    <phoneticPr fontId="10"/>
  </si>
  <si>
    <t xml:space="preserve">{0,1,…,maxNumDL-PRS-ResourceSetsPerTRP-1}
maxNumDL-PRS-ResourceSetsPerTRP = 8
</t>
  </si>
  <si>
    <r>
      <t xml:space="preserve">Periodicity of DL PRS allocation in slots configured per DL PRS Resource Set (i.e. all DL PRS Resources of a given Set have the same periodicity)
</t>
    </r>
    <r>
      <rPr>
        <sz val="8"/>
        <color theme="1"/>
        <rFont val="Segoe UI Symbol"/>
        <family val="2"/>
      </rPr>
      <t/>
    </r>
  </si>
  <si>
    <t xml:space="preserve"> 2^μ{4, 5, 8, 10, 16, 20, 32, 40, 64, 80, 160, 320, 640, 1280, 2560, 5120, 10240} slots, µ = 0, 1, 2, 3 for SCS 15, 30, 60 and 120kHz respectively
}
</t>
  </si>
  <si>
    <t>{0,1,…, maxNumDL_PRS_ResourcesPerSet-1}
maxNumDL PRS ResourcesPerSet = 64</t>
  </si>
  <si>
    <t>{0, …, 4095}</t>
  </si>
  <si>
    <t xml:space="preserve">NR DL PRS Configuration and NR DL PRS Measurement Report </t>
  </si>
  <si>
    <t>NR DL PRS Measurement Report Configuration</t>
  </si>
  <si>
    <t xml:space="preserve">+/- 500 us
Granularity: 4Ts
</t>
  </si>
  <si>
    <t>Configurable number of consecutive instances (in a periodic transmission of DL-PRS resource sets) of a DL-PRS Resource Set applicable to single bit of Option 1 Muting bitmap</t>
  </si>
  <si>
    <t xml:space="preserve">{0,1,…, maxNumTrp-1} 
maxNumTrp = 256
maxNumTrp is a max number of TRPs for all frequency layers per UE
</t>
  </si>
  <si>
    <t xml:space="preserve">NR DL PRS Configuration </t>
  </si>
  <si>
    <t>The quality metrics for all UE/gNB timing measurements includes value field.
Value: provides the best estimate of the uncertainty of the measurement</t>
  </si>
  <si>
    <t>{0,1,…,31}</t>
  </si>
  <si>
    <t>{0.1m, 1m, 10m, 30m}</t>
  </si>
  <si>
    <t xml:space="preserve">The same set of resolutions for the quality metrics of all UE/gNB timing measurements (DL PRS RSTD, UE Rx-Tx time difference, UL RTOA, and gNB Rx-Tx time difference) is supported
</t>
  </si>
  <si>
    <t>AngleMeasQuality</t>
  </si>
  <si>
    <t>AngleMeasQuality.Value</t>
  </si>
  <si>
    <t xml:space="preserve">The quality metrics for all gNB angle measurements includes value field.
Value: provides the best estimate of the uncertainty of the measurement
resolution of {0.1} deg for angular measurements in LCS or GCS
</t>
  </si>
  <si>
    <t>8 bits values for AOA and ZOA measurements</t>
  </si>
  <si>
    <t>AngleMeasQuality.Resolution</t>
  </si>
  <si>
    <t>The quality metrics for all gNB angle measurements includes resolution field.
Resolution: provides the resolution levels used in the Value field</t>
  </si>
  <si>
    <t>resolution of {0.1} deg for angular measurements in LCS or GCS</t>
  </si>
  <si>
    <t>NR PRS DL Measurement  Report</t>
  </si>
  <si>
    <t>A UE measurement can be associated with a time stamp. For UE RSTD, DL PRS RSRP and UE Rx-Tx time difference measurement report, the time stamp can include the SFN, as well as the slot number for a subcarrier spacing. These values correspond to the reference provided by the DL-PRS-RstdReferenceInfo.</t>
  </si>
  <si>
    <t>UE can be configured to report up to N=8 DL PRS RSRP measurements on different DL PRS resources from the same TRP
•	FFS N is a UE capability 
N is defined across all positioning frequency layers</t>
  </si>
  <si>
    <t>{1,2,…,8}</t>
  </si>
  <si>
    <t xml:space="preserve">UE can be configured to  report up to M=4 DL PRS RSTD measurements per pair of TRPs with each measurement between a different pair of DL PRS resources or DL PRS resource sets, and the M measurements being performed on the same pair of TRPs subject to UE capability
•	All the RSTD measurements in a single report should have a single reference timing
•	Note: Each RSTD measurement is between DL PRS Resources corresponding to different TRP IDs.
Resources corresponding to different TRP IDs.
M is defined across all positioning frequency layers
</t>
  </si>
  <si>
    <t>{1,2,3,4}</t>
  </si>
  <si>
    <t>UE can be configured to report up to M = 4 UE-Rx-Tx time difference measurements for different DL PRS resources or DL PRS resource sets per TRP
A UE can be configured to report multiple Rx–Tx time difference measurements corresponding to a single SRS resource/resource set for positioning with each measurement corresponding to a single DL PRS resource/resource set. The DL PRS resource/resource sets can be in different positioning frequency layers</t>
  </si>
  <si>
    <t>UE can be configured to measure DL PRS RSTD, UE Tx-Rx time difference, and DL PRS RSRP within up to NumPositioningFrequencyLayers positioning frequency layers</t>
  </si>
  <si>
    <t>UE can be configured to measure DL PRS RSTD, UE Tx-Rx time difference, and DL PRS RSRP within up to NumTrpPerPositioningFrequencyLayer TRPs per positioning frequency layer</t>
  </si>
  <si>
    <t>{1,2,...,64}</t>
  </si>
  <si>
    <t>NumDL-PRS-ResourceSetsPerTRPFrequencyLayer</t>
  </si>
  <si>
    <t>{1,2}</t>
  </si>
  <si>
    <t>UE can be configured to measure DL PRS RSTD, UE Tx-Rx time difference, and DL PRS RSRP within up to NumDL PRS ResourcesPerSet DL PRS resources per PRS resource set</t>
  </si>
  <si>
    <t>FFS for RAN2/RAN3 WG</t>
  </si>
  <si>
    <t>TimingReportingGranularityFactor</t>
  </si>
  <si>
    <t>The reporting granularity for the UE/gNB timing measurements (DL RSTD, the UE Rx-Tx time difference, UL RTOA, gNB Rx-Tx time difference) is defined as , where k is a configuration parameter with a minimum value of at most 0 called by TimingReportingGranularityFactor</t>
  </si>
  <si>
    <t>FFS in RAN4</t>
  </si>
  <si>
    <t>Note: RAN4 can determine if -1 can be a minimum value
RAN1 assumes that the details of the reporting granularity and ranges for the UE/gNB timing measurements (DL RTSD, the UE Rx-Tx time difference, UL RTOA, gNB Rx-Tx time difference) will be determined by RAN4, including the potential relation of the parameter k to DL PRS bandwidth.</t>
  </si>
  <si>
    <t>SSB assistance data for DL-PRS processing</t>
  </si>
  <si>
    <t>PCI</t>
  </si>
  <si>
    <t>PCI of the cell</t>
  </si>
  <si>
    <t>Up to RAN2</t>
  </si>
  <si>
    <t xml:space="preserve">• For DL-PRS processing, the following SSB assistance data can be provided for an indicated SSB:
o PCI of the cell 
o ssbFrequency with values: ARFCN-ValueNR
o halfFrameIndex with values: 0 or 1
o SSB-periodicity with the values: ServingCellConfigCommon IE.
o SSB-positionInBurst with values: of ServingCellConfigCommon IE.
o ssbSubcarrierSpacing with values: SubcarrierSpacing IE
o SFN-SSBoffset with values {0,1,2,…15}
o Working assumption: Smtc per SSB frequency layer with values: SSB-MTC IE 
o SSB Index
• The SSB index indicated for QCL Type D and QCL Type C for a DL-PRS resource should be the same
• Note: SSB frequency layer is determined by ssbFrequency and ssbSubcarrierSpacing
• Note: The SSB assistance data can be provided at least when DL-PRS-QCL-Info for a DL-PRS Resource of a TRP indicates ‘QCL Type-D’ or ‘QCL Type C’, or when DL-PRS is punctured by SSB.
• Note: The SSB-positionInBurst parameter is needed only for SSB puncturing.
• Note: The feasibility of the working assumption above can be assessed by RAN2 and RAN3.
</t>
  </si>
  <si>
    <t>halfFrameIndex</t>
  </si>
  <si>
    <t>Indicates whether SSB transmission is in the first of the second half of the frame</t>
  </si>
  <si>
    <t xml:space="preserve"> 0 or 1</t>
  </si>
  <si>
    <t>SSB-periodicity</t>
  </si>
  <si>
    <t>SSB-periodicity with the values of ServingCellConfigCommon IE.</t>
  </si>
  <si>
    <t>values as those used in the corresponding field of ServingCellConfigCommon IE</t>
  </si>
  <si>
    <t>SSB-positionInBurst with the values in ServingCellConfigCommon IE.</t>
  </si>
  <si>
    <t>SFN-SSBoffset</t>
  </si>
  <si>
    <t xml:space="preserve">Four LSBs of the SFN of the TRP in which SSB is transmitted
SFN-SSBoffset with values {0,1,2,…15}
</t>
  </si>
  <si>
    <t>{0,1,2,…15}</t>
  </si>
  <si>
    <t>SMTC</t>
  </si>
  <si>
    <t>Smtc per SSB frequency layer with values: SSB-MTC IE</t>
  </si>
  <si>
    <t>NR UL SRS for Positioning Configuration</t>
  </si>
  <si>
    <t>Configuration of SRS for positioning is per UL BWP</t>
  </si>
  <si>
    <t>n2 combOffset (0,1), cyclicShift (0,…,7)
n4 combOffset (0,..,3), cyclicShift (0,…,11)
n8 comboffset (0,..,7), cyclicShift (0,… 5)</t>
  </si>
  <si>
    <t>resourceMapping startPosition
resourceMapping nrofSymbols</t>
  </si>
  <si>
    <t>startPosition INTEGER (0,…,5, 6, …,13)
nrofSymbols ENUMERATED {n1,n2,n4, n8, n12}</t>
  </si>
  <si>
    <t>For positioning, the number of consecutive OFDM symbols in an SRS resource is configurable with one of the values in the set {1, 2, 4, 8, 12}
For positioning, starting positions in the time domain for the SRS resource can be anywhere in the slot, i.e. an offset loffset  range of {0,1,…,13}</t>
  </si>
  <si>
    <t>Defining frequency domain position and configurable shift, as defined by the higher layer parameters freqDomainPosition and freqDomainShift, respectively, and described in Subclause 6.4.1.4 of [4, TS 38.211]</t>
  </si>
  <si>
    <t>freqHopping</t>
  </si>
  <si>
    <t>freqHopping c-SRS</t>
  </si>
  <si>
    <t>INTEGER (0..maxSeqId-1)
maxSeqId = 2^16</t>
  </si>
  <si>
    <t>spatialRelationInfo
Configuration of the spatial relation between a reference RS and the target SRS.
Serving cell
For positioning purposes, for UL Beam management/alignment towards serving cell, support configuration of a spatial relation between a reference DL RS from serving cell and the target SRS for positioning. The Reference DL RS that can be used are SSB, CSI-RS (NZP-CSI-RS-ResourceId), or DL-PRS for positioning.
Neighbouring cell
For positioning purposes, for UL Beam management/alignment towards neighbouring cells, support configuration of a spatial relation between a reference DL RS from neighbouring cells and the target SRS for positioning. The Reference DL RS that can be used are SSB or DL-PRS.
For each SRS resource for positioning, only a single spatial relation RS resource can be provided per resource.
Support configuration of a spatial relation between two SRS resources for positioning.</t>
  </si>
  <si>
    <t>RAN1 98b Agreement:
If a DL reference signal is to be used as pathloss reference for the purpose of SRS for positioning power control, or if a DL reference signal is to be used as spatial relation info for SRS for positioning, the following is provided to the UE by higher layers:
If the DL RS to be used is a SSB, provide the time/frequency occupancy of the SSB.  
If the DL RS to be used is a DL-PRS, provide the time/frequency occupancy of the DL-PRS.</t>
  </si>
  <si>
    <t>values {0,…, 15}</t>
  </si>
  <si>
    <t xml:space="preserve"> sequence {0,1,…,63}</t>
  </si>
  <si>
    <t>NR UL SRS for positioning configuration</t>
  </si>
  <si>
    <t xml:space="preserve">• For SRS for positioning, if the spatialRelationInfo or pathlossReferenceRS indicates an SSB, the following information can be provided for the indicated SSB:
o PCI of the cell
o ssbFrequency with values: ARFCN-ValueNR
o halfFrameIndex with values: 0 or 1
o SSB-periodicity with values: ServingCellConfigCommon IE.
o ssbSubcarrierSpacing with values: SubcarrierSpacing IE
o SFN-SSBoffset with values: {0,1,2,…15}
o Smtc per SSB frequency layer with values : SSB-MTC 
o SFN0 Offset per physical cell ID: Time offset of the SFN0 slot0 of a given cell with respect to the serving Pcell.
o SSB Index
o SS-PBCH-BlockPower (at least when SSB is used as pathlossReferenceRS for an SRS)
• Note: SSB frequency layer is determined by ssbFrequency and ssbSubcarrierSpacing
Note: RAN1 assumes that the above information is indicated in RRC
</t>
  </si>
  <si>
    <t xml:space="preserve">ssbSubcarrierSpacing with values: SubcarrierSpacing IE </t>
  </si>
  <si>
    <t>with valuesof : SubcarrierSpacing IE</t>
  </si>
  <si>
    <t xml:space="preserve">Four LSBs of the SFN of the TRP in which SSB is transmitted
SFN-SSBoffset with values {0,1,2,…15}
</t>
  </si>
  <si>
    <t>SFN0 Offset</t>
  </si>
  <si>
    <t>Note: The ss-PBCH-BlockPower is currently defined as average EPRE of the resource elements that carry secondary synchronization signals in dBm that the TRP use for SSB transmission (see TS 38.213, clause 7; range currently defined as INTEGER (-60..50)).</t>
  </si>
  <si>
    <t xml:space="preserve">• For SRS for positioning, if the spatialRelationInfo or pathlossReferenceRS indicates an SSB, the following information can be provided for the indicated SSB:
o PCI of the cell
o ssbFrequency with values: ARFCN-ValueNR
o halfFrameIndex with values: 0 or 1
o SSB-periodicity with values: ServingCellConfigCommon IE.
o ssbSubcarrierSpacing with values: SubcarrierSpacing IE
o SFN-SSBoffset with values: {0,1,2,…15}
o Smtc per SSB frequency layer with values : SSB-MTC 
o SFN0 Offset per physical cell ID: Time offset of the SFN0 slot0 of a given cell with respect to the serving Pcell.
o SSB Index
o SS-PBCH-BlockPower (at least when SSB is used as pathlossReferenceRS for an SRS)
• Note: SSB frequency layer is determined by ssbFrequency and ssbSubcarrierSpacing
Note: RAN1 assumes that the above information is indicated in RRC
For the purpose of power control of the SRS for positioning, if a DL reference signal –SSB is to be used as DL path loss reference, the ss-PBCH-BlockPower is provided to the UE by higher layers for each required TRP (e.g., serving and neighbours)
If the DL reference signal to be used as DL path loss reference is a SSB, provide the ss-PBCH-BlockPower.
</t>
  </si>
  <si>
    <t>See Parameters Related to DL PRS Configuration</t>
  </si>
  <si>
    <t>• If the spatialRelationInfo or pathlossReferenceRS indicates a DL-PRS, the following parameter of the DL-PRS are provided in the UL-SRS for positioning configuration:
o The ID (previously agreed) that can be associated with multiple DL-PRS Resource Sets associated with a single TRP
o DL-PRS-ResourceSetId
o DL-PRS-ResourceId</t>
  </si>
  <si>
    <t>NZP-CSIRS-ResourceID</t>
  </si>
  <si>
    <t xml:space="preserve">Serving cell
For positioning purposes, for UL Beam management/alignment towards serving cell, support configuration of a spatial relation between a reference DL RS from serving cell and the target SRS for positioning. The Reference DL RS that can be used are SSB, CSI-RS (NZP-CSI-RS-ResourceId), or DL-PRS for positioning.
</t>
  </si>
  <si>
    <t>servingCellId</t>
  </si>
  <si>
    <t>• If the spatialRelationInfo indicates an SRS resource, the following parameters for the SRS for positioning can be provided:
o Rel-15 SRS-ResourceId or Rel-16 Positioning SRS-ResourceId
o UL BWP ID
o Serving cell ID</t>
  </si>
  <si>
    <t>A gNB measurement can be associated with a time stamp. For UL RTOA, UL SRS RSRP, AoA and gNB Rx-Tx time difference measurement report, the time stamp can include the SFN, as well as the slot number for a reported subcarrier spacing.</t>
  </si>
  <si>
    <t>UE can be configured to transmit up to 16 SRS resources for positioning per SRS Resource Set</t>
  </si>
  <si>
    <t>{1,2,…,16}</t>
  </si>
  <si>
    <t>NumOfUL-PositioningResources</t>
  </si>
  <si>
    <t>The maximum number of SRS resources for positioning across all SRS resource sets per BWP is 64.</t>
  </si>
  <si>
    <t>{1,2,….,64}</t>
  </si>
  <si>
    <t>maxNumOfUL-PositioningResourceSets</t>
  </si>
  <si>
    <t xml:space="preserve">UE can be configured to transmit up to 16 SRS Resource Sets for positioning per BWP
The maximum number of supported SRS resource sets for positioning is a UE capability, with configurability of up to 16 resource sets per BWP.
o Values for the UE capability include {1 ,16}. Other values FFS
</t>
  </si>
  <si>
    <t>TimingReportingGranularity</t>
  </si>
  <si>
    <t>The reporting granularity for the UE/gNB timing measurements (DL RSTD, the UE Rx-Tx time difference, UL RTOA, gNB Rx-Tx time difference) is defined as T=T_c 2^k, where k is a configuration parameter with a minimum value of at most 0 called by TimingReportingGranularityFactor</t>
  </si>
  <si>
    <t xml:space="preserve">Note: RAN4 can determine if -1 can be a minimum value
RAN1 assumes that the details of the reporting granularity and ranges for the UE/gNB timing measurements (DL RTSD, the UE Rx-Tx time difference, UL RTOA, gNB Rx-Tx time difference) will be determined by RAN4, including the potential relation of the parameter k to DL PRS bandwidth.
</t>
  </si>
  <si>
    <t xml:space="preserve">Value range
FR1/FR2:  +/- 32 us
FR2:  +/- 8 us
Granularity: 
4Ts for FR1
1Ts for FR2
</t>
  </si>
  <si>
    <t xml:space="preserve">SFN: {0,1, 1023}
Slot: {1,…, 10·2^μ}-1
µ = 0, 1, 2, 3 for SCS 15, 30, 60 and 120kHz respectively
</t>
  </si>
  <si>
    <t>new</t>
    <phoneticPr fontId="10"/>
  </si>
  <si>
    <t xml:space="preserve">Agreements made in RAN1#99
• The S-SSBs within the period of 160ms are distributed with the same interval with the following (pre-)configured parameters:
o The offset from the start of the S-SSB period to the first S-SSB
o The interval between neighboring S-SSBs
</t>
    <phoneticPr fontId="10"/>
  </si>
  <si>
    <t>rbSetPSFCH</t>
    <phoneticPr fontId="10"/>
  </si>
  <si>
    <t>Indicates the set of PRBs that are actually used for PSFCH transmission and reception.</t>
    <phoneticPr fontId="10"/>
  </si>
  <si>
    <t>BIT STRING (SIZE (275))</t>
    <phoneticPr fontId="13" type="noConversion"/>
  </si>
  <si>
    <t>Agreement made in [98b-NR-21]:
• For a PSFCH format,
o In the symbols that can be used for PSFCH transmissions in a resource pool, a set of frequency resources is (pre-)configured for the actual use of PSFCH transmissions (i.e., PSFCH transmissions do not happen in other frequency resources).
 This (pre)configuration includes the case where all the frequency resources in a resource pool are available for the actual PSFCH transmission.
Agreements made in RAN1#99:
• For signaling frequency resources of actual PSFCH transmission, down select one of followings:
o Bitmap indicates RBs in a resource pool</t>
    <phoneticPr fontId="13" type="noConversion"/>
  </si>
  <si>
    <t>hoppingID_PSFCH</t>
    <phoneticPr fontId="10"/>
  </si>
  <si>
    <t>Parameter that generates the base sequence of the PSFCH used in the resoruce pool</t>
    <phoneticPr fontId="13" type="noConversion"/>
  </si>
  <si>
    <t>0..1023</t>
    <phoneticPr fontId="13" type="noConversion"/>
  </si>
  <si>
    <t>Agreement made in RAN1#99:
o Base sequence is
  (Pre-)configured per resource pool</t>
    <phoneticPr fontId="10"/>
  </si>
  <si>
    <t>The RNTI is to scramble the NR DCI used for scheduling LTE PC5.</t>
    <phoneticPr fontId="10"/>
  </si>
  <si>
    <t>NR Uu controlling LTE SL</t>
    <phoneticPr fontId="10"/>
  </si>
  <si>
    <t>TImeOffsetLTESL</t>
    <phoneticPr fontId="10"/>
  </si>
  <si>
    <t>MaxNumTX_SLCG</t>
    <phoneticPr fontId="10"/>
  </si>
  <si>
    <t>Agreements made in RAN1#99
• For configured grant, the maximum number of times that a TB can be retransmitted using the resources provided by the configured grant is configured per priority per configured grant.</t>
    <phoneticPr fontId="10"/>
  </si>
  <si>
    <t>maxNumResource</t>
    <phoneticPr fontId="13" type="noConversion"/>
  </si>
  <si>
    <t>Maximum number of PSCCH/PSSCH resources that can be indicated by an SCI.</t>
    <phoneticPr fontId="13" type="noConversion"/>
  </si>
  <si>
    <t>2, 3</t>
    <phoneticPr fontId="10"/>
  </si>
  <si>
    <t>Agreements made in [98b-NR-15]:
• When reservation of a sidelink resource for an initial transmission of a TB at least by an SCI associated with a different TB is disabled, NMAX is 3 
o SCI signaling is designed to allow to indicate 1 or 2 or 3 resources at least of the same number of sub-channels with full flexibility in time and frequency position in a window W of a resource pool 
 FFS: if full flexibility is limited in some cases
o Value 2 or 3 is (pre-)configured per resource pool
o FFS size of window W</t>
    <phoneticPr fontId="13" type="noConversion"/>
  </si>
  <si>
    <t>t0_SensingWindow</t>
    <phoneticPr fontId="10"/>
  </si>
  <si>
    <t>Parameter that indicates the start of the sensing window</t>
    <phoneticPr fontId="10"/>
  </si>
  <si>
    <t xml:space="preserve">Agreements made in [98b-NR-16]:
• For a given time instance n when resource (re-)selection and re-evaluation procedure is triggered 
o A sensing window is defined by time interval [n – T0, n – Tproc,0) 
 T0 is (pre-)configured, T0 &gt; Tproc,0 FFS further details
Agreements made in RAN1#99
• T0 is (pre)-configured between: 1000+[100]ms and [100]ms </t>
    <phoneticPr fontId="13" type="noConversion"/>
  </si>
  <si>
    <t>t2min_SelectionWindow(p)</t>
    <phoneticPr fontId="10"/>
  </si>
  <si>
    <t>t2min_SelectionWindow</t>
    <phoneticPr fontId="10"/>
  </si>
  <si>
    <t>Parameter that determines the end of the selection window in the resource selection for a TB with L1 priority value p.</t>
    <phoneticPr fontId="10"/>
  </si>
  <si>
    <t>1, 5, 10, 20</t>
    <phoneticPr fontId="10"/>
  </si>
  <si>
    <t>reservationPeriodAllowed</t>
    <phoneticPr fontId="10"/>
  </si>
  <si>
    <t>RSforSensing</t>
    <phoneticPr fontId="10"/>
  </si>
  <si>
    <t>Indicates whether DM RS of PSCCH or PSSCH is used for L1 RSRP measurement in the sensing operation.</t>
    <phoneticPr fontId="10"/>
  </si>
  <si>
    <t>PSCCH DM RS, PSSCH DM RS</t>
    <phoneticPr fontId="10"/>
  </si>
  <si>
    <t xml:space="preserve">Agreements made in RAN1#99
Support (pre)-configuration per resource pool between:
• L1 SL-RSRP measured on DMRS of PSSCH after decoding of associated 1st stage SCI, or
• L1 SL-RSRP measured on DMRS of PSCCH for 1st SCI after decoding of associated 1st stage SCI
• Note: L1 SL-RSRP is measured only based on one of the above, but not both
</t>
    <phoneticPr fontId="10"/>
  </si>
  <si>
    <t>CSIsiReporting</t>
    <phoneticPr fontId="13" type="noConversion"/>
  </si>
  <si>
    <t>SL CSI-RS</t>
    <phoneticPr fontId="10"/>
  </si>
  <si>
    <t>[0, 4] (in Rel-16)
+ 
GuardSymbol-SCS:
FR1: {15kHz, 30kHz, 60kHz}
FR2: {60kHz, 120kHz}+C24:K24B24:K24A24:K24P24J24:K24P24J24:K24B24:K24C24:K24D24:K24E24:K24F24:K24G24:K24H24:K24I24:K24J24:K24</t>
    <phoneticPr fontId="10"/>
  </si>
  <si>
    <t xml:space="preserve">• For “SRS resource indicator” in DCI format 0_2, 
o Introduce new RRC parameters maxMIMO-Layers-ForDCIFormat0_2 and srs-ResourceSetToAddModList-ForDCIFormat0_2 
o The number of bits for SRS resource indicator field in DCI format 0_2 is determined in the same way as Rel-15 DCI format 0_1. 
• Same RRC configuration by Rel-15 higher layer parameter txConfig is applied to both DCI formats 0_1 and 0_2 
</t>
  </si>
  <si>
    <t xml:space="preserve">maxRank-ForDCIFormat0_2 </t>
  </si>
  <si>
    <t xml:space="preserve">Agreements:
For “precoding information and number of layers” in DCI format 0_2 
• Introduce new RRC parameters maxRank-ForDCIFormat0_2 and codebookSubset-ForDCIFormat0_2. 
• The number of bits for precoding information and number of layers in DCI format 0_2 is determined in the same way as Rel-15 DCI format 0_1. 
</t>
  </si>
  <si>
    <t>codebookSubset-ForDCIFormat0_2</t>
  </si>
  <si>
    <t xml:space="preserve">Agreements:
New RRC parameter to support the MCS table selection for DCI format 0_2. Same mechanism as in Rel-15 is used for MCS table selection. 
New RRC parameter to support the MCS table selection for DCI format 1_2. Same mechanism as in Rel-15 is used for MCS table selection. 
• No new RNTI is introduced for the above two agreements
</t>
  </si>
  <si>
    <t>maxNrofPUCCH-PathlossReferenceRSs</t>
  </si>
  <si>
    <t>The value is increased to be 64.</t>
  </si>
  <si>
    <t>maxNrofPUSCH-PathlossReferenceRSs</t>
  </si>
  <si>
    <t>enablePLRSupdateForPUSCHSRS</t>
  </si>
  <si>
    <t>When this parameter is present, the Rel-16 feature of MAC CE based pathloss RS updates for PUSCH/SRS is enabled.</t>
  </si>
  <si>
    <t>enableDefaultBeamPlForPUSCH0_0</t>
  </si>
  <si>
    <t>When this parameter is present, the Rel-16 default behaviors on spatial relation and pathloss RS for PUSCH scheduled by DCI format 0_0 is enabled.</t>
  </si>
  <si>
    <t>enableDefaultBeamPlForPUCCH</t>
  </si>
  <si>
    <t>When this parameter is present, the Rel-16 default behaviors on spatial relation and pathloss RS for dedicated PUCCH is enabled.</t>
  </si>
  <si>
    <t>enableDefaultBeamPlForSRS</t>
  </si>
  <si>
    <t>When this parameter is present, the Rel-16 default behaviors on spatial relation and pathloss RS for dedicated SRS is enabled.</t>
  </si>
  <si>
    <t>MB1+2</t>
  </si>
  <si>
    <t>RACH configuration considering TDD configuration for FR1</t>
    <phoneticPr fontId="10"/>
  </si>
  <si>
    <t>38.211</t>
    <phoneticPr fontId="10"/>
  </si>
  <si>
    <t>Section 6.3.3.2</t>
    <phoneticPr fontId="10"/>
  </si>
  <si>
    <t>RACH-ConfigGeneric</t>
    <phoneticPr fontId="10"/>
  </si>
  <si>
    <t xml:space="preserve"> prach-ConfigurationIndexNew-r16</t>
    <phoneticPr fontId="10"/>
  </si>
  <si>
    <t>prach-ConfigurationIndexNew</t>
    <phoneticPr fontId="10"/>
  </si>
  <si>
    <t>INTEGER (256..262)</t>
    <phoneticPr fontId="10"/>
  </si>
  <si>
    <t>NA</t>
    <phoneticPr fontId="10"/>
  </si>
  <si>
    <t>per BWP</t>
    <phoneticPr fontId="10"/>
  </si>
  <si>
    <t>Cell-specific
UE-specific</t>
    <phoneticPr fontId="10"/>
  </si>
  <si>
    <t>Optional.  For the CORESET without CORESETPoolIndex, the UE may assume that the CORESET is assigned with CORESETPoolIndex as 0</t>
    <phoneticPr fontId="10"/>
  </si>
  <si>
    <t>Optional</t>
    <phoneticPr fontId="10"/>
  </si>
  <si>
    <t xml:space="preserve">Mandatory for slot-based repetition scheme, otherwise optional </t>
    <phoneticPr fontId="10"/>
  </si>
  <si>
    <t xml:space="preserve">Optional. If not configured, refer to RAN1 spec. </t>
    <phoneticPr fontId="10"/>
  </si>
  <si>
    <t>Extension of Rel-15</t>
    <phoneticPr fontId="10"/>
  </si>
  <si>
    <t>Indication of whether UE report  L1-RSRP  when drx_OnDurationTimer does not start at the DRX ON 
Default is no periodic L1-RSRP report</t>
    <phoneticPr fontId="10"/>
  </si>
  <si>
    <t>Indication of whether UE report Periodic CSI  report when drx_OnDurationTimer does not start at the DRX ON
Default is no periodic CSI report</t>
    <phoneticPr fontId="10"/>
  </si>
  <si>
    <t>Semi-static-mode1, Semi-static-mode2, Dynamic</t>
  </si>
  <si>
    <t>TDM pattern for LTE PCell for EN-DC UE</t>
  </si>
  <si>
    <t>0,…,5 groups with each group having one/multiple of SCellIndex values</t>
  </si>
  <si>
    <t>Scell-groups-for-dormancy-within-active-time</t>
  </si>
  <si>
    <t>Configures the Scell groups corresponding to the explicit information field in DCI, i.e.,  bitmap with 1 bit per group of configured Scells for indicating dormancy/non-dormancy of Scells when the UE is within the Active Time 
RAN1#98bis: When the UE is in the Active Time, for the L1 based mechanism for transitioning between ’dormancy-like’ and ’non-dormancy like’ behaviour on activated Scells, an explicit information field is newly introduced to at least DCI formats 0-1 and 1-1 for the primary cell</t>
  </si>
  <si>
    <t xml:space="preserve">RAN1#99: 
•	At least for the case when PDCCH schedules data for primary cell and also indicates dormancy for Scell(s) (i.e., Case 1), 
    o	N (0≤N≤X2) Scell groups are configured for the UE where each Scell group can have one or multiple Scells
	Note: The Scell group configuration is independent from the agreed Scell group configuration for dormancy indication outside active time
    o	The explicit information field for SCell dormancy indication is a bitmap of length N with each bit corresponding to one Scell group. 
    o	The bitmap is appended to existing fields of DCI format 0-1,1-1 (i.e., size of DCI format 0-1, 1-1 is increased by N (0≤N≤X2) bits). </t>
  </si>
  <si>
    <t>213: new section?</t>
  </si>
  <si>
    <t>first-non-dormant-BWP-ID-for-DCI-inside-active-time</t>
  </si>
  <si>
    <t>For Scell dormancy DCI indication within active time, if DCI bit indciates 1 and UE is in dormant BWP, UE switches to the BWP with ID given by first-non-dormant-BWP-ID-for-DCI-inside-active-time</t>
  </si>
  <si>
    <t xml:space="preserve">One value of BWP-Id </t>
  </si>
  <si>
    <t>Agreements:
At least for case of dormancy indication within active time
If ‘0’ is indicated by DCI field
If ‘UE is in non-dormant BWP, UE switches to dormant BWP
If ‘UE is in dormant BWP, UE continues with dormant BWP 
If ‘1’ is indicated by DCI field
If ‘UE is in non-dormant BWP, UE continues with the same non-dormant BWP
If UE is in dormant BWP, switch to a specific non-dormant BWP explicitly configured by RRC</t>
  </si>
  <si>
    <t>first-non-dormant-BWP-ID-for-DCI-outside-active-time</t>
  </si>
  <si>
    <t>For Scell dormancy DCI indication outside active time, if DCI bit indciates 1 and UE is in dormant BWP, UE switches to the BWP with ID given by first-non-dormant-BWP-ID-for-DCI-outside-active-time</t>
  </si>
  <si>
    <t>For dormancy indication outside active time, for interpreting ‘0’, ‘1’ in the SCell dormancy indication field,
reuse same approach as that of inside active time.</t>
  </si>
  <si>
    <t>0,…,5</t>
  </si>
  <si>
    <t>Agreement [RAN1#98bis]: When the UE is in the Active Time, for the L1 based mechanism for transitioning between ’dormancy-like’ and ’non-dormancy like’ behaviour on activated Scells, an explicit information field is newly introduced to at least DCI formats 0-1 and 1-1 for the primary cell. The explicit information field is configurable within a range of 0 to X2 bits
Agreement [RAN1#99]: X2=5</t>
  </si>
  <si>
    <t>0,…,31</t>
  </si>
  <si>
    <t>Per Cell in CA</t>
  </si>
  <si>
    <t>The granularity of the offset is determined by the maximum of Pcell/pScell lowest SCS among all the configured SCSs in DL/UL SCS-SpecificCarrierList and the CC’s lowest SCS among all the configured SCSs in DL/UL SCS-SpecificCarrierList. This SCS is considered as the reference SCS for the slot offset.
At most single non-zero offset duration (independent on SCS) can be configured among CCs in the unaligned CA configuration.</t>
  </si>
  <si>
    <t xml:space="preserve">Agreements:
Regarding TEI “RACH configuration considering TDD configuration for FR1”
• Following new RACH configuration entries with subframe number 2 and/or 7 are added into RACH configuration table for Rel-16 UE
• The new RRC parameter prach-ConfigurationIndexNew is introduced and the value range of prach-ConfigurationIndexNew is [256, 262].
• A new UE capability is not introduced for this TEI, i.e., it is a mandatory UE feature for Rel-16.
• The TP in R1-1913466 is endorsed in principle.
This is an optional parameter.
</t>
    <phoneticPr fontId="10"/>
  </si>
  <si>
    <t>Determine by RAN2</t>
    <phoneticPr fontId="10"/>
  </si>
  <si>
    <t>INTEGER (0..[255])</t>
    <phoneticPr fontId="10"/>
  </si>
  <si>
    <t>msgA-prach-ConfigurationIndexNew</t>
    <phoneticPr fontId="10"/>
  </si>
  <si>
    <t xml:space="preserve">Cell-specific additional PRACH configuration index for 2-step RACH. If both msgA-prach-ConfigurationIndex and msgA-prach-ConfigurationIndexNew are not configured, 2-step RACH reuses the corresponding 4-step RACH parameter.  </t>
    <phoneticPr fontId="10"/>
  </si>
  <si>
    <t>ENUMERATED {dB0, dB2, dB4, dB6}</t>
    <phoneticPr fontId="10"/>
  </si>
  <si>
    <t>Same value range as CB-PreamblesPerSSB</t>
    <phoneticPr fontId="10"/>
  </si>
  <si>
    <t>INTEGER (1.. 32)</t>
    <phoneticPr fontId="10"/>
  </si>
  <si>
    <t>INTEGER {0,1,2,3}</t>
    <phoneticPr fontId="10"/>
  </si>
  <si>
    <t>ENUMERATED {enabled }</t>
    <phoneticPr fontId="10"/>
  </si>
  <si>
    <t>msgA-dmrs-AdditionalPosition</t>
    <phoneticPr fontId="10"/>
  </si>
  <si>
    <t>Indicates the position for additional DM-RS. If the field is absent, the UE applies value ‘pos2’</t>
    <phoneticPr fontId="10"/>
  </si>
  <si>
    <t>ENUMERATED{pos0, pos1, pos3}</t>
  </si>
  <si>
    <t>‘pos2’</t>
  </si>
  <si>
    <t>msgA-maxLength</t>
    <phoneticPr fontId="10"/>
  </si>
  <si>
    <t>Indicates single-symbol or double-symbol DMRS. If the field is absent, the UE applies value ‘len1’</t>
    <phoneticPr fontId="10"/>
  </si>
  <si>
    <t>ENUMERATED{len2}</t>
  </si>
  <si>
    <t>‘len1’</t>
  </si>
  <si>
    <t>msgAPUSCHDMRSCDMgroup</t>
    <phoneticPr fontId="10"/>
  </si>
  <si>
    <t>1-bit indication of index(-es) of CDM group(s). ; If the field is absent then both CDM groups are used</t>
    <phoneticPr fontId="10"/>
  </si>
  <si>
    <t>INTEGER (0,1)</t>
    <phoneticPr fontId="10"/>
  </si>
  <si>
    <t xml:space="preserve">msgAPUSCHNrOfPort  </t>
    <phoneticPr fontId="10"/>
  </si>
  <si>
    <t>0 indicates 1 port per CDM group, 1 indicates 2 ports per CDM group, if the field is absent then 4 ports per CDM group are used;</t>
    <phoneticPr fontId="10"/>
  </si>
  <si>
    <t xml:space="preserve">Power offset of msgA PUSCH relative to the preamble received target power. If the offset parameter is absent, the parameter msg3-DeltaPreamble of 4-step RACH is used </t>
    <phoneticPr fontId="10"/>
  </si>
  <si>
    <t>ENUMERATED {alpha0, alpha04, alpha05, alpha06, alpha07, alpha08, alpha09, alpha1}</t>
    <phoneticPr fontId="10"/>
  </si>
  <si>
    <t>ENUMERATED {enabled, disabled}</t>
    <phoneticPr fontId="10"/>
  </si>
  <si>
    <t>DL signals and channels</t>
  </si>
  <si>
    <t>SEQUENCE (SIZE (1..[16])) OF servingCellId</t>
    <phoneticPr fontId="10"/>
  </si>
  <si>
    <t>cg-COT-SharingList-r16</t>
  </si>
  <si>
    <t>SEQUENCE (SIZE (1..[X])) OF cg-COT-Sharing-r16</t>
  </si>
  <si>
    <t>cg-COT-Sharing-r16</t>
  </si>
  <si>
    <t>{duration, offset, CAPC-r16}</t>
  </si>
  <si>
    <t>cg-COT-SharingOffset-r16</t>
  </si>
  <si>
    <t>INTEGER(1..[X])</t>
  </si>
  <si>
    <t>rbOffset-r16</t>
  </si>
  <si>
    <t>Add in ControlResourceSet</t>
  </si>
  <si>
    <t>msgA-scramblingID0</t>
  </si>
  <si>
    <t>UL DMRS scrambling initialization for CP-OFDM. When the field is absent the UE applies the value Physical cell ID (physCellId)</t>
    <phoneticPr fontId="10"/>
  </si>
  <si>
    <t>msgA-scramblingID1</t>
    <phoneticPr fontId="10"/>
  </si>
  <si>
    <t>numberofrepetitions</t>
  </si>
  <si>
    <t>length</t>
  </si>
  <si>
    <t>SearchSpace</t>
  </si>
  <si>
    <t>OLPCParameterSet-ForDCIFormat0_1</t>
  </si>
  <si>
    <t>OLPCParameterSet-ForDCIFormat0_2</t>
  </si>
  <si>
    <t>maxCI-DCI-PayloadSize</t>
  </si>
  <si>
    <t>Per FR</t>
    <phoneticPr fontId="10"/>
  </si>
  <si>
    <t xml:space="preserve">Agreements: RAN1#98bis (Ref R1-1911455)
• Adopt Alt.1-2 and Alt.2 for semi-static power sharing for NR-NR DC.
   o Alt.1-2 is only subject to configured maximum transmission power defined by RAN4 
   o Configuration between Alt.1-2 and Alt.2 is supported.
Note: For FR1 CG the P-NR-FR1 of Rel-15 is used
RAN1#99 Agreements:
o   Support per FR configuration of parameter NR-DC-PC-mode for NR-DC 
RAN1#99 Agreements:
-        Regarding whether semi-static power sharing or dynamic power sharing is explicitly configured by RRC signalling. 
o   parameter NR-DC-PC-mode is extended to include dynamic power sharing configuration. </t>
    <phoneticPr fontId="10"/>
  </si>
  <si>
    <t>{-2,…,2} for 15 kHz reference SCS
{-5,…5} for 30 kHz ref SCS
{-10,…10} for 60 kHz ref SCS
{-20,…20} for 120 kHz ref SCS</t>
    <phoneticPr fontId="10"/>
  </si>
  <si>
    <t>LCS-to-GCS-translation</t>
  </si>
  <si>
    <t> A set of three angles which represent the translation from the local coordinate system (LCS) to the global coordinate system (GCS). The three angles are: α (bearing angle), β (downtilt angle), and γ (slant angle). </t>
  </si>
  <si>
    <t>{α, β, γ} - resolution of {0.1} deg</t>
  </si>
  <si>
    <t>FFS for RAN3 WG</t>
    <phoneticPr fontId="10"/>
  </si>
  <si>
    <t>Maximum length of the sequence is [64]. Each value is the number of OFDM symbols in the remaining of the COT counting from the beginning of the slot in which the DCI 2_0 is received.</t>
    <phoneticPr fontId="10"/>
  </si>
  <si>
    <t>FFS UE-specific or Cell-specific</t>
    <phoneticPr fontId="10"/>
  </si>
  <si>
    <t>timeOffsetSSB-SL</t>
    <phoneticPr fontId="10"/>
  </si>
  <si>
    <t>Indicate the slot offset from the start of sidelink SSB period to the first sidelink SSB.</t>
    <phoneticPr fontId="10"/>
  </si>
  <si>
    <t>0 .. 1279</t>
    <phoneticPr fontId="10"/>
  </si>
  <si>
    <t>timeIntervalSSB-SL</t>
    <phoneticPr fontId="10"/>
  </si>
  <si>
    <t>0 .. 639</t>
    <phoneticPr fontId="10"/>
  </si>
  <si>
    <t>SSID-SL</t>
    <phoneticPr fontId="10"/>
  </si>
  <si>
    <t>0..671</t>
    <phoneticPr fontId="10"/>
  </si>
  <si>
    <t>UE specific, Cell specific</t>
    <phoneticPr fontId="10"/>
  </si>
  <si>
    <t>Agreements made in RAN1#98bis
672 SL-SSIDs are divided into 2 sets to indicate different synchronization priorities following a similar approach as in LTE-V2X: 
• Set id_net {0, 1, …, 335}
• Set id_oon{336, 337, 338, …, 671}
• The usage of 0 is the same as 0 as in LTE
• The usage of 336 is the same as 168 as in LTE
• The usage of 337 is the same as 169 as in LTE</t>
    <phoneticPr fontId="10"/>
  </si>
  <si>
    <t>timeresourcepool</t>
    <phoneticPr fontId="13" type="noConversion"/>
  </si>
  <si>
    <t>lengthSLsymbols</t>
    <phoneticPr fontId="10"/>
  </si>
  <si>
    <t>Indicates the number of symbols used for sidelink in a slot without SL-SSB. A single value can be (pre-)configured per sidleink BWP.</t>
    <phoneticPr fontId="10"/>
  </si>
  <si>
    <t>7, 8, 9, 10, 11, 12, 13, 14</t>
    <phoneticPr fontId="10"/>
  </si>
  <si>
    <t>Agreements made in RAN1#99:
• For Rel-16, (normal CP)
o Support 7, 8, 9,…, 14 symbols in a slot without SL-SSB for SL operation
 Target reusing Uu DM-RS patterns for each of the symbol-length, with modifications as necessary
• No other additional spec impact is expected for supporting 7, 8, …, 13 
• # of DM-RS symbols
o 2, 3, 4
 For a dedicated carrier, only 14-symbol is mandatory
• There is a single (pre-)configured length of SL symbols in a slot without SL-SSB per SL BWP.
• There is a single (pre-)configured starting symbol for SL in a slot without SL-SSB per SL BWP.</t>
    <phoneticPr fontId="10"/>
  </si>
  <si>
    <t>startSLsymbols</t>
    <phoneticPr fontId="10"/>
  </si>
  <si>
    <t>Indicates the starting symbol used for sidelink in a slot without SL-SSB. A single value can be (pre-)configured per sidleink BWP.</t>
    <phoneticPr fontId="10"/>
  </si>
  <si>
    <t>0,1,2,4</t>
    <phoneticPr fontId="13" type="noConversion"/>
  </si>
  <si>
    <t>configurationIndexCG</t>
    <phoneticPr fontId="10"/>
  </si>
  <si>
    <t>Indicate ID to identify Configured grant for sidelink.</t>
    <phoneticPr fontId="10"/>
  </si>
  <si>
    <t>0..7</t>
    <phoneticPr fontId="10"/>
  </si>
  <si>
    <t>Agreement made in RAN1#99:
• At least the following parameters are part of a SL configured grant configuration:
o Configuration index of the CG 
o Time offset (for type-1 only)
o Time-frequency allocation (for type-1 only)
 Using the same format as in DCI.
o Periodicity
o The configured grant is associated with a single transmit resource pool.
o RAN2 can add other parameters if deemed necessary by RAN2</t>
    <phoneticPr fontId="10"/>
  </si>
  <si>
    <t>timeOffsetCGType1</t>
    <phoneticPr fontId="10"/>
  </si>
  <si>
    <t>sl-ACKToUL-ACK</t>
    <phoneticPr fontId="10"/>
  </si>
  <si>
    <t>0..15</t>
    <phoneticPr fontId="10"/>
  </si>
  <si>
    <t>Resource allocation Mode 1 &amp; NR Uu controlling LTE SL</t>
    <phoneticPr fontId="10"/>
  </si>
  <si>
    <t>dci-Formats</t>
    <phoneticPr fontId="13" type="noConversion"/>
  </si>
  <si>
    <t>Indicates whether the UE monitors in this USS for DCI formats 0-0 and 1-0 or for formats 0-1 and 1-1 or for format 3-0 of dynamic grant or for format 3-1 or for formats 3-0 of dynamic grant and 3-1.</t>
    <phoneticPr fontId="13" type="noConversion"/>
  </si>
  <si>
    <t>formats0-0-And-1-0, formats0-1-And-1-1, format3-0, format3-1, formats3-0-And-3-1</t>
    <phoneticPr fontId="13" type="noConversion"/>
  </si>
  <si>
    <t>1..32</t>
    <phoneticPr fontId="10"/>
  </si>
  <si>
    <t>timeWindowSize-CBR</t>
    <phoneticPr fontId="10"/>
  </si>
  <si>
    <t>Indicate the time window size for CBR measurement .</t>
    <phoneticPr fontId="10"/>
  </si>
  <si>
    <t>100 ms, 100 slots</t>
    <phoneticPr fontId="10"/>
  </si>
  <si>
    <t>Agreements made in RAN1#99
• The CBR measurement time window size is 100 ms and 100 slots by (pre-)configuration.
• CR window size is { 1000 ms, 1000 slots } by (pre)-configuration</t>
    <phoneticPr fontId="10"/>
  </si>
  <si>
    <t>CR evaluation</t>
    <phoneticPr fontId="10"/>
  </si>
  <si>
    <t>timeWindowSize-CR</t>
    <phoneticPr fontId="10"/>
  </si>
  <si>
    <t>Indicate the time window size for CR evaluation.</t>
    <phoneticPr fontId="10"/>
  </si>
  <si>
    <t>1000 ms, 1000 slots</t>
    <phoneticPr fontId="10"/>
  </si>
  <si>
    <t>frequDomainAllocationCSIRS-SL</t>
    <phoneticPr fontId="13" type="noConversion"/>
  </si>
  <si>
    <t>Indicate the frequency domain allocation for SL CSI-RS.</t>
    <phoneticPr fontId="13" type="noConversion"/>
  </si>
  <si>
    <t xml:space="preserve">BIT STRING (SIZE (12)) for 1 AP
BIT STRING (SIZE (6)) for 2 APs
</t>
    <phoneticPr fontId="13" type="noConversion"/>
  </si>
  <si>
    <t>Agreements made in RAN1#99
• Resource mapping patterns of Rel-15 NR Uu CSI-RS with 1 or 2 antenna port(s) with only density 1 are used for SL CSI-RS. 
o This means that Rows 2 and 3 of Table 7.4.1.5.3-1 (TS 38.211) with only density 1 are used for SL CSI-RS. 
Agreements made in RAN1#99
• Sidelink CSI-RS configuration for CSI reporting for unicast is given by PC5-RRC configuration from the UE transmitting the sidelink CSI-RS
o Selection of sidelink CSI-RS configuration is up to TX UE.</t>
    <phoneticPr fontId="10"/>
  </si>
  <si>
    <t>nrofPortsCSIRS-SL</t>
    <phoneticPr fontId="13" type="noConversion"/>
  </si>
  <si>
    <t>Indicate the number of ports for SL CSI-RS.</t>
    <phoneticPr fontId="13" type="noConversion"/>
  </si>
  <si>
    <t>p1,p2</t>
    <phoneticPr fontId="13" type="noConversion"/>
  </si>
  <si>
    <t xml:space="preserve">firstSymbolInTimeDomainCSIRS-SL              </t>
    <phoneticPr fontId="13" type="noConversion"/>
  </si>
  <si>
    <t>NR DL PRS Configuration</t>
    <phoneticPr fontId="10"/>
  </si>
  <si>
    <t>NR DL PRS Measurement Report Configuration</t>
    <phoneticPr fontId="10"/>
  </si>
  <si>
    <t>NR DL PRS Report Configuration</t>
    <phoneticPr fontId="10"/>
  </si>
  <si>
    <t>NR DL PRS Measurement Report</t>
    <phoneticPr fontId="10"/>
  </si>
  <si>
    <t>NR UL Measurement Report</t>
  </si>
  <si>
    <t>NR UL Measurement Report</t>
    <phoneticPr fontId="10"/>
  </si>
  <si>
    <t>NR UL SRS for Positioning Configuration</t>
    <phoneticPr fontId="10"/>
  </si>
  <si>
    <t>NR UL Measurement Report Configuration</t>
  </si>
  <si>
    <t>NR UL Measurement Report Configuration</t>
    <phoneticPr fontId="10"/>
  </si>
  <si>
    <t>FFS for RAN2 WG/RAN3 WG</t>
  </si>
  <si>
    <t>The same set of resolutions for the quality metrics of all UE/gNB timing measurements (DL PRS RSTD, UE Rx-Tx time difference, UL RTOA, and gNB Rx-Tx time difference) is supported</t>
  </si>
  <si>
    <t>UL-MeasurementInfoRequest</t>
  </si>
  <si>
    <t>Is applied to configure gNB to report DL PRS Resource ID(s) and DL PRS Resource Set ID(s) or SSB Index, which is used to identify the Rx beam that is used for determining the gNB measurements</t>
  </si>
  <si>
    <t>When reporting a gNB measurement (UL RTOA measurements, gNB Rx-Tx time difference, SRS RSRP, or UL AoA/ZoA), gNB can be requested to report the ID of DL PRS resource and the ID of the DL PRS resource set, or SSB Index, which is used to identify the Rx beam that is used for determining  the gNB measurements.</t>
    <phoneticPr fontId="10"/>
  </si>
  <si>
    <t>FFS for RAN4 WG</t>
    <phoneticPr fontId="10"/>
  </si>
  <si>
    <t>If configured, the UE will use 571/1151 length sequence for PRACH for 30/15KHz SCS respectively.
Agreement:
In addition to the Rel-15 design for NR short PRACH (sequence length of 139), support an enhanced PRACH design for NR-U by adopting a single long ZC sequence of the following lengths
•	For 15 kHz SCS L_RA= 1151, For 30 kHz SCS L_RA= 571
•	Introduce signalling in SIB1 to indicate to UE whether Rel-15 PRACH or enhance PRACH sequences above are used
Logical root indices, cyclic shifts and frequency position are determined as give in Tables in Appendx B provided in R1-1911863</t>
    <phoneticPr fontId="10"/>
  </si>
  <si>
    <t>Add in RACH-ConfigCommon</t>
    <phoneticPr fontId="10"/>
  </si>
  <si>
    <t>Add in SlotFormatIndicator. 
If configured, provides position in DCI of the bit field indicating search space switching flag for a group of serving cells in searchSpaceSwitchingGroup-r16. A list of SearchSpaceSwitchTrigger-r16 objects is configured for one or more groups of serving cells.</t>
    <phoneticPr fontId="10"/>
  </si>
  <si>
    <t>If configured, one bit field is added to DCI 2_0 for search space group switching for a group of serving cells.</t>
    <phoneticPr fontId="10"/>
  </si>
  <si>
    <t>EnableConfiguredUL-r16</t>
    <phoneticPr fontId="10"/>
  </si>
  <si>
    <t>Agreement:
•	DRS transmission window duration can be configured as 0.5 1, 2, 3, 4, or 5 ms
•	If the DRS transmission window duration is not known, a UE may assume the DRS transmission window has a duration of 5 ms</t>
    <phoneticPr fontId="10"/>
  </si>
  <si>
    <t xml:space="preserve">For a configured search space switching group, if one cell is switched to a search space group, all other cells in the same serving cell group will be switched to that search space group.
At most one serving cell in a cell group is configured with SearchSpaceSwitchTrigger-r16. </t>
    <phoneticPr fontId="10"/>
  </si>
  <si>
    <t>UL-MeasurementInfoRequest</t>
    <phoneticPr fontId="10"/>
  </si>
  <si>
    <t>FFS for RAN2/RAN3 WG</t>
    <phoneticPr fontId="10"/>
  </si>
  <si>
    <t>Agreements RAN1#98bis: Support new RRC signaling “tdm-PatternConfig-r16” to configure a UE with a DL-reference config to the MCG PCell (LTE FDD) according to Rel-16 behavior
Agreements RAN1£99: Clarify that “tdm-PatternConfig-r16” as agreed in RAN1 #98bis is applied in both single Tx case  (with LTE TDD PCell or LTE FDD PCell) and dual-Tx case.
Agreements:
When UE is configured with DL-reference config on the LTE PCell to support single UL in EN-DC with LTE TDD PCell, regarding the case of LTE PCell’s TDD pattern 0 &amp; 6 (as configured in SIB1) 
• Not supported in R16.
Agreements:
•	Support HARQ-offset for SUO case1 in EN-DC with LTE TDD PCell 
•	Note: from UE perspective, it is expected that HARQ-offset value doesn’t violate the DL/UL configuration (in SIB1).
•	For type 1 UE, the feature is optional. FFS for type 2 UE.
Exact possible values of harq-Offset-r16 for given combinations of {SIB1 UL-DL configuration, subframeAssignment-r16} are captured in RAN1#99 Chairman’s note as a conclusion.</t>
    <phoneticPr fontId="10"/>
  </si>
  <si>
    <t>Details can be up to RAN2.</t>
    <phoneticPr fontId="10"/>
  </si>
  <si>
    <t>For EN-DC with LTE TDD-PCell with SIB1 UL-DL configuration 0 and 6, tdm-PatternConfig-r16 is not applicable. For EN-DC with LTE TDD-PCell, only UL-DL configurations 2, 4, and 5 are supported as the DL-reference UL-DL configuration. 
For EN-DC with TDD-PCell, from UE perspective, it is expected that the value of harq-Offset-r16 does not violate the SIB1 UL-DL configuration.</t>
    <phoneticPr fontId="10"/>
  </si>
  <si>
    <t xml:space="preserve">Agreements:
Support configurable number of bits for the following fields for DL DCI format scheduling Rel-16 URLLC.
• Carrier indicator (0 bit or at least one non-zero bit)
• PRB bundling size indicator (0 or 1 bit)
• Rate matching indicator (0, 1 or 2 bits)
• ZP CSI-RS trigger (0, 1 or 2 bits)
Note: The parameter is used to determine the number of bits for the field "ZP CSI-RS trigger" in new DCI format for DL scheduling as in Rel-15. 
</t>
  </si>
  <si>
    <t xml:space="preserve">
Agreements:
• For “SRS resource indicator” in DCI format 0_2, 
o Introduce new RRC parameters maxMIMO-Layers-ForDCIFormat0_2 and srs-ResourceSetToAddModList-ForDCIFormat0_2 
o The number of bits for SRS resource indicator field in DCI format 0_2 is determined in the same way as Rel-15 DCI format 0_1. 
• Same RRC configuration by Rel-15 higher layer parameter txConfig is applied to both DCI formats 0_1 and 0_2
</t>
  </si>
  <si>
    <t>Size of the DCI format 2_6</t>
    <phoneticPr fontId="10"/>
  </si>
  <si>
    <t>Starting position of UE wakeup and SCell dormancy indication in the DCI format 2_6</t>
    <phoneticPr fontId="10"/>
  </si>
  <si>
    <t>Agreements:
For a UE, the following information can be configured to be included in the new DCI for the WUS PDCCH scrambled by PS-RNTI 
•	Indication to wake up or not to wake up 
•	L1 based mechanism for transitioning from ’dormancy-like’ to ’non-dormancy like’ behaviour on activated Scells,  as agreed in MR CA/DC
•	FFS: Triggering CSI-report
•	FFS: whether or not the bitwidths of some or all of the above information fields can be zero
Higher layer configuration of DCI format 2_6 with UE specific indication includes,
• Number of information bits of DCI format 2_6</t>
    <phoneticPr fontId="10"/>
  </si>
  <si>
    <t xml:space="preserve">• For SRS for positioning, if the spatialRelationInfo or pathlossReferenceRS indicates an SSB, the following information can be provided for the indicated SSB:
o PCI of the cell
o ssbFrequency with values: ARFCN-ValueNR
o halfFrameIndex with values: 0 or 1
o SSB-periodicity with values: ServingCellConfigCommon IE.
o ssbSubcarrierSpacing with values: SubcarrierSpacing IE
o SFN-SSBoffset with values: {0,1,2,…15}
o Smtc per SSB frequency layer with values : SSB-MTC 
o SFN0 Offset per physical cell ID: Time offset of the SFN0 slot0 of a given cell with respect to the serving Pcell.
o SSB Index
o SS-PBCH-BlockPower (at least when SSB is used as pathlossReferenceRS for an SRS)
• Note: SSB frequency layer is determined by ssbFrequency and ssbSubcarrierSpacing
Note: RAN1 assumes that the above information is indicated in RRC
</t>
    <phoneticPr fontId="10"/>
  </si>
  <si>
    <t xml:space="preserve">• For SRS for positioning, if the spatialRelationInfo or pathlossReferenceRS indicates an SSB, the following information can be provided for the indicated SSB:
o PCI of the cell
o ssbFrequency with values: ARFCN-ValueNR
o halfFrameIndex with values: 0 or 1
o SSB-periodicity with values: ServingCellConfigCommon IE.
o ssbSubcarrierSpacing with values: SubcarrierSpacing IE
o SFN-SSBoffset with values: {0,1,2,…15}
o Smtc per SSB frequency layer with values : SSB-MTC 
o SFN0 Offset per physical cell ID: Time offset of the SFN0 slot0 of a given cell with respect to the serving Pcell.
o SSB Index
o SS-PBCH-BlockPower (at least when SSB is used as pathlossReferenceRS for an SRS)
• Note: SSB frequency layer is determined by ssbFrequency and ssbSubcarrierSpacing
• Note: RAN1 assumes that the above information is indicated in RRC
</t>
    <phoneticPr fontId="10"/>
  </si>
  <si>
    <t>Agreement:
For FBE operation
•	FFP configuration is included in SIB-1 
•	FFP configuration can be signaled for a UE with UE-specific RRC signaling</t>
    <phoneticPr fontId="10"/>
  </si>
  <si>
    <t>This parameter is  applicable for FR2</t>
    <phoneticPr fontId="10"/>
  </si>
  <si>
    <t>numMuxCSPair</t>
    <phoneticPr fontId="13" type="noConversion"/>
  </si>
  <si>
    <t>Indicates the number of cyclic shift pairs used for a PSFCH transmission that can be multiplexed in a PRB.</t>
    <phoneticPr fontId="13" type="noConversion"/>
  </si>
  <si>
    <t>startingSubchannelCGType1</t>
    <phoneticPr fontId="13" type="noConversion"/>
  </si>
  <si>
    <t>Indicate the slot interval between neighboring sidelink SSBs. This value is applicable when there are more than one sidelink SSBs within one sidelink SSB period.</t>
    <phoneticPr fontId="10"/>
  </si>
  <si>
    <t>[Semi-static-LTE-UL-in-all-subframes]</t>
    <phoneticPr fontId="10"/>
  </si>
  <si>
    <t>[Configures the UE to be allowed to transmit semi-static LTE UL transmissions in any LTE UL subframe]</t>
    <phoneticPr fontId="10"/>
  </si>
  <si>
    <t>[Not allowed, allowed.]</t>
    <phoneticPr fontId="10"/>
  </si>
  <si>
    <t>[Not allowed]</t>
    <phoneticPr fontId="10"/>
  </si>
  <si>
    <t>[Per LTE Pcell in EN-DC]</t>
    <phoneticPr fontId="10"/>
  </si>
  <si>
    <t>[UE specific]</t>
    <phoneticPr fontId="10"/>
  </si>
  <si>
    <t>[36.213]</t>
    <phoneticPr fontId="10"/>
  </si>
  <si>
    <t>[7.6.1
7.6.1A]</t>
    <phoneticPr fontId="10"/>
  </si>
  <si>
    <t>prach-RootSequenceIndex-r16</t>
    <phoneticPr fontId="10"/>
  </si>
  <si>
    <t>Extension</t>
    <phoneticPr fontId="10"/>
  </si>
  <si>
    <t>INTEGER (0..569) for L_RA=571 and  INTEGER (0..1149) for L_RA=1151</t>
    <phoneticPr fontId="10"/>
  </si>
  <si>
    <t>[Per SL BWP]</t>
    <phoneticPr fontId="10"/>
  </si>
  <si>
    <t>0, 1, 2, 3, 4, 5, 6, 7</t>
    <phoneticPr fontId="10"/>
  </si>
  <si>
    <t>[Per BWP or Per cell]</t>
    <phoneticPr fontId="10"/>
  </si>
  <si>
    <t>{1..[7]}</t>
    <phoneticPr fontId="10"/>
  </si>
  <si>
    <t>numberOfPMI-SubbandsPerCQI-Subband-r16</t>
  </si>
  <si>
    <t>paramCombination-r16</t>
  </si>
  <si>
    <t>typeII-RI-Restriction-r16</t>
  </si>
  <si>
    <t>typeII-PortSelectionRI-Restriction-r16</t>
  </si>
  <si>
    <t>FFS UE-specific or Cell-specific</t>
  </si>
  <si>
    <t>The measured bandwidth is centered on the provided ARFCN (for both intra- and inter-frequency).
Agreement:
For RSSI measurements:
•	Measurement ARFCN is also provided for intra-frequency measurements (provision of ARFCN for inter-frequency measurements already agreed earlier)
•	The measured bandwidth is centered on the provided ARFCN (for both intra- and inter-frequency).
Agreement:
Units other than a single LBT bandwidth are not supported for RSSI measurement bandwidth configuration</t>
    <phoneticPr fontId="10"/>
  </si>
  <si>
    <t>ULDCI-trigerred-UL-ChannelAccess-CPext-CAPC-r16</t>
    <phoneticPr fontId="10"/>
  </si>
  <si>
    <t>DLDCI-triggered-UL-ChannelAccess-CPext-r16</t>
    <phoneticPr fontId="10"/>
  </si>
  <si>
    <t>Preemption-enabling</t>
    <phoneticPr fontId="10"/>
  </si>
  <si>
    <t>0 – maxDCIsize_2-6 - 1</t>
    <phoneticPr fontId="10"/>
  </si>
  <si>
    <t>PDCCH WUS</t>
    <phoneticPr fontId="10"/>
  </si>
  <si>
    <t>38.331, 38.321</t>
    <phoneticPr fontId="10"/>
  </si>
  <si>
    <t>Per cell-group</t>
    <phoneticPr fontId="10"/>
  </si>
  <si>
    <t>PSPositionDCI2-6</t>
    <phoneticPr fontId="10"/>
  </si>
  <si>
    <t>SearchSpaceSwitchTrigger-r16</t>
    <phoneticPr fontId="10"/>
  </si>
  <si>
    <t>searchSpaceSwitchingGroup-r16</t>
    <phoneticPr fontId="10"/>
  </si>
  <si>
    <t>searchSpaceSwitchingTimer-r16</t>
    <phoneticPr fontId="10"/>
  </si>
  <si>
    <t>Per configured grant</t>
    <phoneticPr fontId="13" type="noConversion"/>
  </si>
  <si>
    <t xml:space="preserve">intraSlotFrequencyHopping should not be enabled and startingPRB/secondHopPRB should not be configured, when interlace based PUCCH formats are configured
</t>
    <phoneticPr fontId="10"/>
  </si>
  <si>
    <t>Agreement:
At least for 30 kHz SCS, for interlaced PF2/3, if two interlaces are configured, there are no configuration restrictions on the spacing between the two interlaces
•	The 1st and 2nd interlaces are configured by the parameter Interlace0 and Interlace1, respectively, each with value range 0 .. M – 1 where M is the number of interlaces
Agreement:
For 15 kHz SCS, for interlaced PF2/3, if two interlaces are configured, 
• The 1st and 2nd interlaces are configured by the parameter Interlace0 and Interlace1, respectively, each with value range 0 .. M – 1 where M is the number of interlaces
• The interval between the two interlaces can be 1 or 5, i.e., Interlace1 can be derived as mod(Interlace0 + X, M), where M is the number of interlaces, where X is 1, -1 or 5</t>
    <phoneticPr fontId="10"/>
  </si>
  <si>
    <t>rmtc-measARFCN-r16</t>
    <phoneticPr fontId="10"/>
  </si>
  <si>
    <t xml:space="preserve">Frequency domain location and bandwidth of this bandwidth part. The value of the field shall be interpreted as resource indicator value (RIV) as defined TS 38.214 with assumptions as described in TS 38.213, section 12, i.e. setting N_{BWP}^{size}=275. The first PRB is a PRB determined by subcarrierSpacing-SL of this sidelink BWP and offsetToCarrier-SL. </t>
    <phoneticPr fontId="10"/>
  </si>
  <si>
    <t xml:space="preserve">Indicates the minimum MCS value for Mode 1 configured and dynamic grants. If no MCS is configured, UE autonomously selects MCS from the full range of values. </t>
    <phoneticPr fontId="10"/>
  </si>
  <si>
    <t>The RNTI is to scramble CRC of NR DCI used for sidelink dynamic grant.</t>
    <phoneticPr fontId="10"/>
  </si>
  <si>
    <t>Configuredgrantconfig-index</t>
  </si>
  <si>
    <t xml:space="preserve">Indicate if "Downlink assignment index" is present or absent in DCI format 0_2.  If the field "Downlinkassignmentindex-ForDCIFormat0_2" is absent, then 0 bit for "Downlink assignment index" in DCI format 0_2. If the field "Downlinkassignmentindex-ForDCIFormat0_2" is present, then the bitwidth of "Downlink assignment index" in DCI format 0_2 is determined in the same way as that in DCI format 0_1 </t>
  </si>
  <si>
    <t>harq-CodebookID</t>
  </si>
  <si>
    <t>• If the spatialRelationInfo or pathlossReferenceRS indicates a DL-PRS, the following parameter of the DL-PRS are provided in the UL-SRS for positioning configuration:
o The ID (previously agreed) that can be associated with multiple DL-PRS Resource Sets associated with a single TRP
o DL-PRS-ResourceSetId
o DL-PRS-ResourceId</t>
    <phoneticPr fontId="10"/>
  </si>
  <si>
    <t>Initial access signals/channels</t>
  </si>
  <si>
    <t>Extension</t>
  </si>
  <si>
    <t>Per cell　</t>
  </si>
  <si>
    <t>Cell-specific　</t>
  </si>
  <si>
    <t>per DL BWP</t>
    <phoneticPr fontId="10"/>
  </si>
  <si>
    <t>Mandatory for slot-based repetition scheme, otherwise optional
The value 0 might be able to be realized by "not configured" (up to RAN2)</t>
    <phoneticPr fontId="10"/>
  </si>
  <si>
    <t>When this parameter is present, and if a grant-based or grant-free PUSCH transmission is scheduled/activated by DCI format 0_1 that does not include a SRI field, UE expects to be configured with sri-PUSCH-PowerControl</t>
    <phoneticPr fontId="10"/>
  </si>
  <si>
    <t>In the case and under the condition given by following agreement, different CDM groups can be configured for each msgA PUSCH configure.
Agreements:
• In case of multiple PUSCH configurations with overlapped DMRS symbols, network can configure different CDM groups for each msgA PUSCH configure.
O Note: this is based on the previous agreement “Each msgA PUSCH configurations can identify sub-sets of DMRS port/sequence combination”</t>
    <phoneticPr fontId="10"/>
  </si>
  <si>
    <t>For operation with shared spectrum channel access, ssb-PosititionsInBurst (applicable for both ServingCellConfigCommonSIB and ServingCellConfigCommon) is interpreted by the UE as follows:
A bit set to 1 at position k (indexing starts at 1) in the bitmap indicates SS/PBCH block index k-1. A UE can derive the time domain positions of the potentially transmitted candidate SS/PBCH blocks in a  discovery burst transmission window based on this bitmap. From a value 0 at position k in the bitmap, the UE can derive the candidate SS/PBCH block(s) with index corresponding to the SS/PBCH block index k-1 are not transmitted, while from a value 1 at position k in the bitmap, the UE can derive the candidate SS/PBCH block(s) with index corresponding to the SS/PBCH block index k-1 are potentially transmitted. The UE expects that a bit at position k &gt; Q is set to 0, and the number of actually transmitted SS/PBCH blocks equal to the number of 1’s in the bitmap.</t>
    <phoneticPr fontId="10"/>
  </si>
  <si>
    <t>Only mediumBitmap, i.e., BIT STRING (SIZE (8)), is supported for operation with shared spectrum channel access</t>
    <phoneticPr fontId="10"/>
  </si>
  <si>
    <t>n1PUCCH-AN-SL</t>
  </si>
  <si>
    <t xml:space="preserve">HARQ resource for PUCCH for SL configured grant type 1 or SL configured type 2. The actual PUCCH-Resource is configured in PUCCH-SL-Config and referred to by its ID. </t>
  </si>
  <si>
    <t>PUCCH-ResourceId</t>
  </si>
  <si>
    <t>PUCCH-SL-Config</t>
  </si>
  <si>
    <t>The IE PUCCH-SL-Config is used to configure UE specific PUCCH parameters for SL HARQ-ACK feedback reporting (per BWP).</t>
  </si>
  <si>
    <t>Same as PUCCH-Config</t>
  </si>
  <si>
    <t>Per UE</t>
    <phoneticPr fontId="10"/>
  </si>
  <si>
    <t>SL PT-RS</t>
    <phoneticPr fontId="10"/>
  </si>
  <si>
    <t>frequencyDensity-SL</t>
    <phoneticPr fontId="13" type="noConversion"/>
  </si>
  <si>
    <t>Presence and frequency density of SL PT-RS  as a function of scheduled BW If the field is absent, the UE uses K_PT-RS = 2</t>
    <phoneticPr fontId="13" type="noConversion"/>
  </si>
  <si>
    <t>SEQUENCE (SIZE (2)) OF INTEGER (1..276)</t>
    <phoneticPr fontId="13" type="noConversion"/>
  </si>
  <si>
    <t>Agreements made in [98b-NR-11]:
For FR2, 
  Sidelink PT-RS RE patterns are the same as Rel-15 NR Uu 
  Support multiple densities in time and frequency domains, as Uu
  The equivalent of PTRS-UplinkConfig giving the bandwidth and MCS thresholds for setting the densities is (pre-)configured per resource pool
  RE offset is determined based on a (pre-)configured resourceElementOffset value</t>
    <phoneticPr fontId="10"/>
  </si>
  <si>
    <t>timeDensity-SL</t>
    <phoneticPr fontId="10"/>
  </si>
  <si>
    <t>Presence and time density of SL PT-RS  as a function of MCS If the field is absent, the UE uses L_PT-RS = 1</t>
    <phoneticPr fontId="10"/>
  </si>
  <si>
    <t>SEQUENCE (SIZE (3)) OF INTEGER (0..29)</t>
    <phoneticPr fontId="10"/>
  </si>
  <si>
    <t>resourceElementOffset-SL</t>
    <phoneticPr fontId="10"/>
  </si>
  <si>
    <t>Indicates the subcarrier offset for SL PTRS . If the field is absent, the UE applies the value offset00</t>
    <phoneticPr fontId="10"/>
  </si>
  <si>
    <t>offset01, offset10, offset11</t>
    <phoneticPr fontId="10"/>
  </si>
  <si>
    <t>ssb-positionsInBurst</t>
    <phoneticPr fontId="10"/>
  </si>
  <si>
    <t>New PRACH configuration index only applicable for unpaired spectrum (TDD)  in FR1. For prach-ConfigurationIndexNew-r16 configured under beamFailureRecovery-Config, the prach-ConfigurationIndex New-r16 can only correspond to the short preamble format, (see TS 38.211 [16], clause 6.3.3.2).</t>
    <phoneticPr fontId="10"/>
  </si>
  <si>
    <t>Working assumption made in RAN1#99:
• The timing of the PUCCH used for conveying SL HARQ is indicated in DCI or RRC (only for transmissions without a DCI) in terms of PSFCH-to-PUCCH physical slots, where the slot duration is defined based on the PUCCH SCS. 
o Note: it is not intended to define any new sync requirements for gNBs
Agreements made in RAN1#98b:
•	For a configured grant in Mode 1 when using SL HARQ feedback: 
o	There is only one HARQ-ACK bit for the configured grant
o	There is one PUCCH transmission occasion after the last resource in the set of resources provided by a configured grant.</t>
    <phoneticPr fontId="13" type="noConversion"/>
  </si>
  <si>
    <t>pscch-DMRS-ScramblingID</t>
    <phoneticPr fontId="10"/>
  </si>
  <si>
    <t xml:space="preserve">PSCCH DMRS scrambling initialization. </t>
    <phoneticPr fontId="10"/>
  </si>
  <si>
    <t>0..65535</t>
    <phoneticPr fontId="10"/>
  </si>
  <si>
    <t xml:space="preserve">Agreements made in [99-NR-07]:
 NR PDCCH DMRS sequence is the baseline for PSCCH DMRS sequence at least with the following modification. 
 n_ID is determined by a (pre-)configured value per resource pool 
 Frequency-domain OCC is applied, one of the [2 or 3 or 4] OCCs is randomly selected by the Tx UE.
 Note: there is no (pre-)configuration on the number of OCCs.
</t>
    <phoneticPr fontId="10"/>
  </si>
  <si>
    <t>numReservedBits</t>
    <phoneticPr fontId="10"/>
  </si>
  <si>
    <t>Indicate the number of reserved bits in 1st SCI</t>
    <phoneticPr fontId="10"/>
  </si>
  <si>
    <t>[2..4]</t>
    <phoneticPr fontId="10"/>
  </si>
  <si>
    <t>Agreement made in [99-NR-06]:
• For Rel-16 NR sidelink, only wideband precoding is assumed for PSSCH transmission. 
o Note: This implies that PRG size equal to scheduled PSSCH BW is assumed in Rel-16.
o TX UE behavior for wideband precoding cycling is not specified
o The number of reserved bits in the 1st stage SCI is configurable 
 [2-4] bits</t>
    <phoneticPr fontId="10"/>
  </si>
  <si>
    <t>PSSCH</t>
    <phoneticPr fontId="10"/>
  </si>
  <si>
    <t>betaOffsets-2ndSCI</t>
    <phoneticPr fontId="10"/>
  </si>
  <si>
    <t>Indicate  candidates of beta-offset values to determine the number of coded modulation symbols for 2nd SCI.</t>
    <phoneticPr fontId="10"/>
  </si>
  <si>
    <t>SEQUENCE (SIZE (4)) OF BetaOffsets-SL</t>
    <phoneticPr fontId="10"/>
  </si>
  <si>
    <t>BetaOffsets-SL</t>
    <phoneticPr fontId="10"/>
  </si>
  <si>
    <t>The IE BetaOffsets is used to configure beta-offset values for the 2nd SCI mapping</t>
    <phoneticPr fontId="10"/>
  </si>
  <si>
    <t>betaOffsetACK-Index3 INTEGER(0..31)</t>
    <phoneticPr fontId="10"/>
  </si>
  <si>
    <t>scaling-SL</t>
    <phoneticPr fontId="10"/>
  </si>
  <si>
    <t xml:space="preserve">Indicates a scaling factor to limit the number of resource elements assigned to the 2nd SCI on PSSCH. Value f0p5 corresponds to 0.5, value f0p65 corresponds to 0.65, and so on. </t>
    <phoneticPr fontId="10"/>
  </si>
  <si>
    <t>f0p5, f0p65, f0p8, f1</t>
    <phoneticPr fontId="10"/>
  </si>
  <si>
    <t xml:space="preserve">Cell-specific PRACH configuration index for 2-step RACH. If both msgA-prach-ConfigurationIndex and msgA-prach-ConfigurationIndexNew are not configured, 2-step RACH reuses the corresponding 4-step RACH parameter.  </t>
    <phoneticPr fontId="10"/>
  </si>
  <si>
    <t>Total number of preambles used for contention based and contention free 2-step RA. If the parameter is absent, all 64 preambles are available for 2-step RA.</t>
    <phoneticPr fontId="10"/>
  </si>
  <si>
    <t>Indicates the subset of 4-step RACH ROs shared with 2-step RACH, if not configured then all 4-step RACH ROs are shared with 2-step RACH. 
The msgA-ssb-sharedROmaskindex is configured when there are more than one ROs per SSB and shared by all the SSBs</t>
    <phoneticPr fontId="10"/>
  </si>
  <si>
    <r>
      <t>FFS MCS-table and value range</t>
    </r>
    <r>
      <rPr>
        <sz val="8"/>
        <rFont val="Arial"/>
        <family val="2"/>
      </rPr>
      <t>Indicate the MCS index for msgA PUSCH from the Table 6.1.4.1-1 for DFT-s-OFDM and Table 5.1.3.1-1 for CP-OFDM in 38.214</t>
    </r>
    <phoneticPr fontId="10"/>
  </si>
  <si>
    <r>
      <t>ENUMERATED {one, two, four, eight}</t>
    </r>
    <r>
      <rPr>
        <strike/>
        <sz val="8"/>
        <rFont val="Arial"/>
        <family val="2"/>
      </rPr>
      <t>(TBC)</t>
    </r>
    <phoneticPr fontId="10"/>
  </si>
  <si>
    <r>
      <t xml:space="preserve">INTEGER </t>
    </r>
    <r>
      <rPr>
        <sz val="10"/>
        <rFont val="Times New Roman"/>
        <family val="1"/>
      </rPr>
      <t>{1,2,3,4}</t>
    </r>
    <phoneticPr fontId="10"/>
  </si>
  <si>
    <r>
      <t xml:space="preserve">INTEGER </t>
    </r>
    <r>
      <rPr>
        <sz val="10"/>
        <rFont val="Times New Roman"/>
        <family val="1"/>
      </rPr>
      <t>{1,2,3,6}</t>
    </r>
    <phoneticPr fontId="10"/>
  </si>
  <si>
    <r>
      <t xml:space="preserve">A single time offset with respect to the start of each PRACH slot (with at least one valid RO), counted as the number of slots (based on the numerology of active UL BWP)
</t>
    </r>
    <r>
      <rPr>
        <strike/>
        <sz val="8"/>
        <rFont val="Arial"/>
        <family val="2"/>
      </rPr>
      <t>FFS whether or not the parameter K2 in the TDRA table is used, for RRC_INACTIVE/IDLE state.</t>
    </r>
    <phoneticPr fontId="10"/>
  </si>
  <si>
    <r>
      <t>Indicates a combination of start symbol and length and PUSCH mapping type from the TDRA table (PUSCH-TimeDomainResourceAllocationList if provided in PUSCH-ConfigCommon, or else the default table 6.1.2.1.1-2 in 38.214)</t>
    </r>
    <r>
      <rPr>
        <strike/>
        <sz val="8"/>
        <rFont val="Arial"/>
        <family val="2"/>
      </rPr>
      <t xml:space="preserve"> (the default table in 38.214 can be revisited), for RRC_IDLE/INACTIVE state</t>
    </r>
    <r>
      <rPr>
        <sz val="8"/>
        <rFont val="Arial"/>
        <family val="2"/>
      </rPr>
      <t xml:space="preserve">. The parameter K2 in the table is not used for msgA PUSCH
</t>
    </r>
    <phoneticPr fontId="10"/>
  </si>
  <si>
    <r>
      <t xml:space="preserve">An index giving valid combinations of start symbol, length, and mapping type as start and length indicator (SLIV) for the first msgA PUSCH occasion, for RRC_CONNECTED UEs in non-initial UL BWP. The network configures the field so that the allocation does not cross the slot boundary.  
The number of occupied symbols excludes the guard period. If the field is absent, follow the indication by </t>
    </r>
    <r>
      <rPr>
        <i/>
        <sz val="8"/>
        <rFont val="Arial"/>
        <family val="2"/>
      </rPr>
      <t>msgA-timeDomainAllocation</t>
    </r>
    <r>
      <rPr>
        <sz val="8"/>
        <rFont val="Arial"/>
        <family val="2"/>
      </rPr>
      <t xml:space="preserve">.
</t>
    </r>
    <r>
      <rPr>
        <strike/>
        <sz val="8"/>
        <rFont val="Arial"/>
        <family val="2"/>
      </rPr>
      <t>FFS signalling details in RRC_CONNECTED state.</t>
    </r>
    <phoneticPr fontId="10"/>
  </si>
  <si>
    <r>
      <t xml:space="preserve">PUSCH mapping type A or B. If the field is absent, follow the indication by msgA-timeDomainAllocation.
</t>
    </r>
    <r>
      <rPr>
        <strike/>
        <sz val="8"/>
        <rFont val="Arial"/>
        <family val="2"/>
      </rPr>
      <t>FFS signalling details in RRC_CONNECTED state.</t>
    </r>
    <phoneticPr fontId="10"/>
  </si>
  <si>
    <r>
      <t xml:space="preserve">INTEGER </t>
    </r>
    <r>
      <rPr>
        <sz val="10"/>
        <rFont val="Times New Roman"/>
        <family val="1"/>
      </rPr>
      <t>{1,2,4,8}</t>
    </r>
    <phoneticPr fontId="10"/>
  </si>
  <si>
    <r>
      <t xml:space="preserve">DMRS configuration for msgA PUSCH, which a list including {msgA-dmrs-AdditionalPosition, msgA-maxLength, msgAPUSCHDMRSCDMgroup, msgAPUSCHNrOfPort, msgA-scramblingID0, msgA-scramblingID1}  </t>
    </r>
    <r>
      <rPr>
        <strike/>
        <sz val="8"/>
        <rFont val="Arial"/>
        <family val="2"/>
      </rPr>
      <t>including DMRS Type, number of DMRS symbols, and number of DMRS ports or including the scramble ID(s) for CP-OFDM waveform.  To be decided if this is a list of configurations or if at least DMRS sequences and/or the number of DMRS sequences are given by one or more additional parameters.</t>
    </r>
    <phoneticPr fontId="10"/>
  </si>
  <si>
    <r>
      <t>INTEGER</t>
    </r>
    <r>
      <rPr>
        <sz val="10"/>
        <rFont val="Times New Roman"/>
        <family val="1"/>
      </rPr>
      <t xml:space="preserve"> (0..65535)</t>
    </r>
    <phoneticPr fontId="10"/>
  </si>
  <si>
    <r>
      <t xml:space="preserve">Number of DMRS sequences for msgA PUSCH </t>
    </r>
    <r>
      <rPr>
        <strike/>
        <sz val="8"/>
        <rFont val="Arial"/>
        <family val="2"/>
      </rPr>
      <t xml:space="preserve">at least </t>
    </r>
    <r>
      <rPr>
        <sz val="8"/>
        <rFont val="Arial"/>
        <family val="2"/>
      </rPr>
      <t>for CP-OFDM waveform</t>
    </r>
    <phoneticPr fontId="10"/>
  </si>
  <si>
    <r>
      <t xml:space="preserve">INTEGER </t>
    </r>
    <r>
      <rPr>
        <sz val="10"/>
        <rFont val="Times New Roman"/>
        <family val="1"/>
      </rPr>
      <t>{1,2}</t>
    </r>
    <phoneticPr fontId="10"/>
  </si>
  <si>
    <r>
      <rPr>
        <strike/>
        <sz val="8"/>
        <rFont val="Arial"/>
        <family val="2"/>
      </rPr>
      <t xml:space="preserve">A condition when only port is configured will be specified.
</t>
    </r>
    <r>
      <rPr>
        <sz val="8"/>
        <rFont val="Arial"/>
        <family val="2"/>
      </rPr>
      <t>In the case and under the condition given by following agreement, the nrofDMRS-Sequences has to be configured as one.
Agreements:
•	In case of single PUSCH configuration or if the DMRS symbols of multiple configurations are not overlapped, if the DMRS resources configured in one PUSCH occasion is no larger than 8 (for len2) or 4 (for len1), then only DMRS port is configured.
o	Note: this is based on the previous common understanding when we agreed to support multiple sequences</t>
    </r>
    <phoneticPr fontId="10"/>
  </si>
  <si>
    <r>
      <t xml:space="preserve">INTEGER (-1,6) </t>
    </r>
    <r>
      <rPr>
        <strike/>
        <sz val="8"/>
        <rFont val="Arial"/>
        <family val="2"/>
      </rPr>
      <t>(TBC)</t>
    </r>
    <phoneticPr fontId="10"/>
  </si>
  <si>
    <r>
      <t xml:space="preserve">INTEGER </t>
    </r>
    <r>
      <rPr>
        <sz val="8"/>
        <rFont val="Times New Roman"/>
        <family val="1"/>
      </rPr>
      <t>{1...10} for 15kHz, 
INTEGER {1...5} for 30kHz</t>
    </r>
    <phoneticPr fontId="10"/>
  </si>
  <si>
    <t>The serving cells in the group will be bundled for the search space group switching purpose
•	One more groups can be configured, maximum is FFS</t>
    <phoneticPr fontId="10"/>
  </si>
  <si>
    <r>
      <t>INTEGER(</t>
    </r>
    <r>
      <rPr>
        <strike/>
        <sz val="8"/>
        <rFont val="Arial"/>
        <family val="2"/>
      </rPr>
      <t>{</t>
    </r>
    <r>
      <rPr>
        <sz val="8"/>
        <rFont val="Arial"/>
        <family val="2"/>
      </rPr>
      <t>0..13</t>
    </r>
    <r>
      <rPr>
        <strike/>
        <sz val="8"/>
        <rFont val="Arial"/>
        <family val="2"/>
      </rPr>
      <t>}</t>
    </r>
    <r>
      <rPr>
        <sz val="8"/>
        <rFont val="Arial"/>
        <family val="2"/>
      </rPr>
      <t>)</t>
    </r>
    <phoneticPr fontId="10"/>
  </si>
  <si>
    <r>
      <t>INTEGER(</t>
    </r>
    <r>
      <rPr>
        <strike/>
        <sz val="8"/>
        <rFont val="Arial"/>
        <family val="2"/>
      </rPr>
      <t>{</t>
    </r>
    <r>
      <rPr>
        <sz val="8"/>
        <rFont val="Arial"/>
        <family val="2"/>
      </rPr>
      <t>2,4</t>
    </r>
    <r>
      <rPr>
        <strike/>
        <sz val="8"/>
        <rFont val="Arial"/>
        <family val="2"/>
      </rPr>
      <t>}</t>
    </r>
    <r>
      <rPr>
        <sz val="8"/>
        <rFont val="Arial"/>
        <family val="2"/>
      </rPr>
      <t>)</t>
    </r>
    <phoneticPr fontId="10"/>
  </si>
  <si>
    <r>
      <t>INTEGER(</t>
    </r>
    <r>
      <rPr>
        <strike/>
        <sz val="8"/>
        <rFont val="Arial"/>
        <family val="2"/>
      </rPr>
      <t>{</t>
    </r>
    <r>
      <rPr>
        <sz val="8"/>
        <rFont val="Arial"/>
        <family val="2"/>
      </rPr>
      <t>0,1,2,3</t>
    </r>
    <r>
      <rPr>
        <strike/>
        <sz val="8"/>
        <rFont val="Arial"/>
        <family val="2"/>
      </rPr>
      <t>,4}</t>
    </r>
    <r>
      <rPr>
        <sz val="8"/>
        <rFont val="Arial"/>
        <family val="2"/>
      </rPr>
      <t>)</t>
    </r>
    <phoneticPr fontId="10"/>
  </si>
  <si>
    <r>
      <t xml:space="preserve">Agreement:
•	Allow configured UL (CUL) transmissions in a set of symbols of a slot when the UE is configured with DCI 2_0 format monitoring and does not detect a DCI 2_0 format providing a slot format for the set of symbols. This is applicable when operating with LBE for the following cases.
o	When the set of symbols are indicated as ‘F’ with a semi-static TDD pattern or 
o	When the UE is not configured with a semi-static TDD pattern
•	Note: Configured UL (CUL) transmissions are UL signals/channels configured by higher layers:
o	PUCCH
o	Configured Grant PUSCH
o	Periodic SRS, [semi-persistent SRS]
</t>
    </r>
    <r>
      <rPr>
        <sz val="8"/>
        <rFont val="Wingdings"/>
        <family val="2"/>
        <charset val="2"/>
      </rPr>
      <t></t>
    </r>
    <r>
      <rPr>
        <sz val="8"/>
        <rFont val="Arial"/>
        <family val="2"/>
      </rPr>
      <t xml:space="preserve">	Unclear if semi-persistent SRS covered by the current Rel-15 behaviour
o	[PRACH]
</t>
    </r>
    <r>
      <rPr>
        <sz val="8"/>
        <rFont val="Wingdings"/>
        <family val="2"/>
        <charset val="2"/>
      </rPr>
      <t></t>
    </r>
    <r>
      <rPr>
        <sz val="8"/>
        <rFont val="Arial"/>
        <family val="2"/>
      </rPr>
      <t xml:space="preserve">	Unclear if PRACH covered by the current Rel-15 behaviour
•	FFS: How to allow the CUL transmissions as per the above
Agreement:
Support RRC parameter for enabling CUL transmissions according to new behavior agreed in RAN1#98b
•	If the parameters is not configured, the UE assumes Rel-15 behavior</t>
    </r>
    <phoneticPr fontId="10"/>
  </si>
  <si>
    <t>Presence of this field indicates absence on a long term basis (e.g. by level of regulation) of any other technology sharing the carrier; absence of this field indicates the potential presence of any other technology sharing the carrier, as specified in TS 37.213. FFS if changes needed</t>
    <phoneticPr fontId="10"/>
  </si>
  <si>
    <r>
      <t>{semistatic, dynamic}</t>
    </r>
    <r>
      <rPr>
        <strike/>
        <sz val="8"/>
        <rFont val="Arial"/>
        <family val="2"/>
      </rPr>
      <t>]</t>
    </r>
    <phoneticPr fontId="10"/>
  </si>
  <si>
    <t>Add in RMTC-Config-r16. Measurement center frequency (in ARFCN) for intra- and inter-frequency RSSI measurement. RSSI measurement is confined within a single LBT bandwidth with the center frequency of configured ARFCN</t>
    <phoneticPr fontId="10"/>
  </si>
  <si>
    <t>Editor’s note: This may not be needed anymore as the functionality is absorbed in the pusch-TimeDomainAllocationList-r16 introduced in RAN1 #98bis</t>
    <phoneticPr fontId="10"/>
  </si>
  <si>
    <r>
      <t xml:space="preserve">Introduce this in ConfiguredGrantConfig. This  is the minimum duration (in unit of symbols), from the ending symbol of the CG-PUSCH to the starting symbol of the DFI carrying HARQ-ACK for that PUSCH. UE assumes HARQ-ACK is valid only for PUSCH transmissions ending before n-cg-DFIDelay-r16, where n is the time corresponding to the beginning of the start symbol of the DFI.
For the case of CG repetitions, this is the minimum duration (in unit of symbols), from the ending symbol of each PUSCH of the K repetitions to the starting symbol of the DFI carrying HARQ-ACK for the associated HARQ process ID.
For the case of slot aggregation for scheduled UL transmission, this is the minimum duration (in unit of symbols), refers to the time between ending symbol of the PUSCH in the first slot of aggregated slots to the starting symbol of the DFI carrying HARQ-ACK for the associated HARQ process ID
</t>
    </r>
    <r>
      <rPr>
        <sz val="8"/>
        <rFont val="Wingdings"/>
        <family val="2"/>
        <charset val="2"/>
      </rPr>
      <t></t>
    </r>
    <r>
      <rPr>
        <sz val="8"/>
        <rFont val="Arial"/>
        <family val="2"/>
      </rPr>
      <t xml:space="preserve">	For ACK, the minimum duration, D, from the ending symbol of the first PUSCH of the TB repetitions to the starting symbol of the DFI
</t>
    </r>
    <r>
      <rPr>
        <sz val="8"/>
        <rFont val="Wingdings"/>
        <family val="2"/>
        <charset val="2"/>
      </rPr>
      <t></t>
    </r>
    <r>
      <rPr>
        <sz val="8"/>
        <rFont val="Arial"/>
        <family val="2"/>
      </rPr>
      <t xml:space="preserve">	For NACK, the minimum duration, D, from the ending symbol of the last available PUSCH of the TB repetitions to the starting symbol of the DFI</t>
    </r>
    <phoneticPr fontId="10"/>
  </si>
  <si>
    <t>Up to RAN3 whether or not to jointly signaled with ssbPeriodicity
Requires intra/inter CU coordination: Yes</t>
    <phoneticPr fontId="10"/>
  </si>
  <si>
    <t>Up to RAN3 whether or not to have a separate signaling 
Requires intra/inter CU coordination: No</t>
    <phoneticPr fontId="10"/>
  </si>
  <si>
    <t>For IAB node discovery and measurement, the maximum number of STCs that can be configured for an IAB node DU per cell at one frequency location is 4. 
Each STC is independently configured when multiple STCs are configured.
Requires intra/inter CU coordination: Yes</t>
    <phoneticPr fontId="10"/>
  </si>
  <si>
    <t>Number of SMTC configurations per frequency layer for an IAB-MT</t>
    <phoneticPr fontId="10"/>
  </si>
  <si>
    <r>
      <rPr>
        <u/>
        <sz val="8"/>
        <rFont val="Arial"/>
        <family val="2"/>
      </rPr>
      <t>RAN1 #98bis Agreements</t>
    </r>
    <r>
      <rPr>
        <sz val="8"/>
        <rFont val="Arial"/>
        <family val="2"/>
      </rPr>
      <t xml:space="preserve">: The donor CU and the parent node can be made aware of the multiplexing capability between MT and DU (TDM required, TDM not required) of an IAB node to for any {MT CC, DU cell} pair.
·       Signaling details up to RAN2/RAN3.
</t>
    </r>
    <r>
      <rPr>
        <u/>
        <sz val="8"/>
        <rFont val="Arial"/>
        <family val="2"/>
      </rPr>
      <t xml:space="preserve">RAN1 #99 Agreements: </t>
    </r>
    <r>
      <rPr>
        <sz val="8"/>
        <rFont val="Arial"/>
        <family val="2"/>
      </rPr>
      <t>The donor CU and the parent node can be made aware of the multiplexing capability between MT and DU (TDM required, TDM not required) of an IAB node to for any {MT CC, DU cell} pair.
·       Signaling details up to RAN2/RAN3.
The indication of the multiplexing capability for the case of no-TDM between IAB MT and IAB DU is additionally provided with respect to each transmission-direction combination (per MT CC/DU cell pair):
•	MT-TX/DU-TX
•	MT-TX/DU-RX 
•	MT-RX/DU-TX
•	MT-RX/DU-RX
Note: This agreement does not require any additional specification impact in RAN1 in Rel-16, i.e. in Rel-16 the behaviour of the IAB node is only defined for TDM cases. The behaviour for no-TDM is left to IAB-node/network implementation in Rel-16.
Requires intra/inter CU coordination: No</t>
    </r>
  </si>
  <si>
    <t>Number of symbols the IAB node would like the parent IAB node not to use at the edge (beginning or end) of a slot when there is a transition between the IAB node MT and DU
Signaled jointly with GuardSymbols-SCS which indicates the reference SCS to be used for the guard symbols</t>
    <phoneticPr fontId="10"/>
  </si>
  <si>
    <r>
      <t xml:space="preserve">This corresponds to </t>
    </r>
    <r>
      <rPr>
        <b/>
        <sz val="8"/>
        <rFont val="Arial"/>
        <family val="2"/>
      </rPr>
      <t>this portion</t>
    </r>
    <r>
      <rPr>
        <sz val="8"/>
        <rFont val="Arial"/>
        <family val="2"/>
      </rPr>
      <t xml:space="preserve"> of the following agreement. Note that 8 separate entries are needed.
</t>
    </r>
    <r>
      <rPr>
        <u/>
        <sz val="8"/>
        <rFont val="Arial"/>
        <family val="2"/>
      </rPr>
      <t xml:space="preserve">RAN1 #98bis Agreements:
</t>
    </r>
    <r>
      <rPr>
        <b/>
        <sz val="8"/>
        <rFont val="Arial"/>
        <family val="2"/>
      </rPr>
      <t>A parent IAB node can be made aware of the number of symbols Ng the child IAB node would like the parent IAB node not to use at the edge (beginning or end) of a slot when there is a transition between child MT and child DU</t>
    </r>
    <r>
      <rPr>
        <sz val="8"/>
        <rFont val="Arial"/>
        <family val="2"/>
      </rPr>
      <t xml:space="preserve">. Separately or additionally, the child IAB node can be made aware of the number of guard symbols that the parent IAB node will provide.
• Ng can be provided for each of the [8] possible transitions with potential overlap:
-------------------------------------
MT to DU | DL Tx | UL Rx |
-------------------------------------
DL Rx         |          |            |
----------------------------------
UL Tx         |           |            |
--------------------------------------
-------------------------------------
DU to MT | DL Rx | UL Tx |
-------------------------------------
DL Tx         |           |           |
-------------------------------------
UL Rx         |           |           |
------------------------------------	
• If Ng is not provided it is assumed to be 0
</t>
    </r>
    <r>
      <rPr>
        <u/>
        <sz val="8"/>
        <rFont val="Arial"/>
        <family val="2"/>
      </rPr>
      <t>RAN1 #99 Agreements:</t>
    </r>
    <r>
      <rPr>
        <sz val="8"/>
        <rFont val="Arial"/>
        <family val="2"/>
      </rPr>
      <t xml:space="preserve">
Desired Guard Symbols and Provided Guard Symbols are provided per cell and use 3 bits for each of the 8 transitions to indicate the number of guard symbols.
•   In Rel-16, a range of 0-4 symbols are supported for each transition. Additional entries are reserved for future use
•   A new parameter GuardSymbol-SCS is also provided which indicates the reference SCS (FR1: {15kHz, 30kHz, 60kHz}, FR2: {60kHz, 120kHz}) to be used for the guard symbols.</t>
    </r>
    <phoneticPr fontId="10"/>
  </si>
  <si>
    <t>Number of symbols the IAB node uses at the edge (beginning or end) of a slot when there is a transition between the IAB node MT and DU at the child node
Signaled jointly with GuardSymbols-SCS which indicates the reference SCS to be used for the guard symbols</t>
    <phoneticPr fontId="10"/>
  </si>
  <si>
    <r>
      <t xml:space="preserve">This corresponds to </t>
    </r>
    <r>
      <rPr>
        <b/>
        <sz val="8"/>
        <rFont val="Arial"/>
        <family val="2"/>
      </rPr>
      <t>this portion</t>
    </r>
    <r>
      <rPr>
        <sz val="8"/>
        <rFont val="Arial"/>
        <family val="2"/>
      </rPr>
      <t xml:space="preserve"> of the following agreement. Note that 8 separate entries are needed.
</t>
    </r>
    <r>
      <rPr>
        <u/>
        <sz val="8"/>
        <rFont val="Arial"/>
        <family val="2"/>
      </rPr>
      <t>RAN1 #98bis Agreements:</t>
    </r>
    <r>
      <rPr>
        <sz val="8"/>
        <rFont val="Arial"/>
        <family val="2"/>
      </rPr>
      <t xml:space="preserve">
A parent IAB node can be made aware of the number of symbols Ng the child IAB node would like the parent IAB node not to use at the edge (beginning or end) of a slot when there is a transition between child MT and child DU. </t>
    </r>
    <r>
      <rPr>
        <b/>
        <sz val="8"/>
        <rFont val="Arial"/>
        <family val="2"/>
      </rPr>
      <t>Separately or additionally, the child IAB node can be made aware of the number of guard symbols that the parent IAB node will provide</t>
    </r>
    <r>
      <rPr>
        <sz val="8"/>
        <rFont val="Arial"/>
        <family val="2"/>
      </rPr>
      <t xml:space="preserve">.
• Ng can be provided for each of the [8] possible transitions with potential overlap:
-------------------------------------
MT to DU | DL Tx | UL Rx |
-------------------------------------
DL Rx         |          |            |
----------------------------------
UL Tx         |           |            |
--------------------------------------
-------------------------------------
DU to MT | DL Rx | UL Tx |
-------------------------------------
DL Tx         |           |           |
-------------------------------------
UL Rx         |           |           |
------------------------------------	
• If Ng is not provided it is assumed to be 0
</t>
    </r>
    <r>
      <rPr>
        <u/>
        <sz val="8"/>
        <rFont val="Arial"/>
        <family val="2"/>
      </rPr>
      <t>RAN1 #99 Agreements:</t>
    </r>
    <r>
      <rPr>
        <sz val="8"/>
        <rFont val="Arial"/>
        <family val="2"/>
      </rPr>
      <t xml:space="preserve">
Desired Guard Symbols and Provided Guard Symbols are provided per cell and use 3 bits for each of the 8 transitions to indicate the number of guard symbols.
•   In Rel-16, a range of 0-4 symbols are supported for each transition. Additional entries are reserved for future use
•   A new parameter GuardSymbol-SCS is also provided which indicates the reference SCS (FR1: {15kHz, 30kHz, 60kHz}, FR2: {60kHz, 120kHz}) to be used for the guard symbols.</t>
    </r>
    <phoneticPr fontId="10"/>
  </si>
  <si>
    <r>
      <rPr>
        <u/>
        <sz val="8"/>
        <rFont val="Arial"/>
        <family val="2"/>
      </rPr>
      <t>RAN1#98bis Agreements</t>
    </r>
    <r>
      <rPr>
        <sz val="8"/>
        <rFont val="Arial"/>
        <family val="2"/>
      </rPr>
      <t xml:space="preserve">:
Dynamic indication of UL-Flexible-DL (intended to dynamically update the flexible symbols) is supported for IAB-node MTs
The dynamic indication of slot formats of UL-Flexible-DL should use DCI format 2_0 and reserved entries in Table 11.1.1-1 in 38.213. 
</t>
    </r>
    <r>
      <rPr>
        <u/>
        <sz val="8"/>
        <rFont val="Arial"/>
        <family val="2"/>
      </rPr>
      <t>RAN1#99 Agreements:</t>
    </r>
    <r>
      <rPr>
        <sz val="8"/>
        <rFont val="Arial"/>
        <family val="2"/>
      </rPr>
      <t xml:space="preserve">
If the IAB-MT is additionally provided TDD-UL-DL-ConfigDedicated-IAB-MT, the parameter TDD-UL-DL-ConfigDedicated-IAB-MT overrides all symbols (with a limitation that effectively only flexible symbols can be overwritten in Rel-16) per slot over the number of slots as provided by TDD-UL-DL-ConfigurationCommon. 
The TDD-UL-DL-ConfigDedicated-IAB-MT provides
- a set of slot configurations by slotSpecificConfigurationsToAddModList-IAB-MT
- for each slot configuration from the set of slot configurations
- a slot index for a slot provided by slotIndex
- a set of symbols for a slot by symbols where 
- if symbols = allDownlink, all symbols in the slot are downlink
- if symbols = allUplink, all symbols in the slot are uplink
- if symbols = explicit, nrofDownlinkSymbols provides a number of downlink first symbols in the slot and nrofUplinkSymbols provides a number of uplink last symbols in the slot. If nrofDownlinkSymbols is not provided, there are no downlink first symbols in the slot and if nrofUplinkSymbols is not provided, there are no uplink last symbols in the slot. The remaining symbols in the slot are flexible
- if symbols = explicit-[IAB-MT], nrofUplinkSymbols provides a number of uplink first symbols in the slot and nrofDownlinkSymbols provides a number of downlink last symbols in the slot. If nrofUplinkSymbols is not provided, there are no uplink first symbols in the slot and if nrofDownlinkSymbols is not provided, there are no downlink last symbols in the slot. The remaining symbols in the slot are flexible.</t>
    </r>
    <phoneticPr fontId="10"/>
  </si>
  <si>
    <r>
      <t xml:space="preserve">
</t>
    </r>
    <r>
      <rPr>
        <u/>
        <sz val="8"/>
        <rFont val="Arial"/>
        <family val="2"/>
      </rPr>
      <t>RAN1 #98bis and #99 Agreements</t>
    </r>
    <r>
      <rPr>
        <sz val="8"/>
        <rFont val="Arial"/>
        <family val="2"/>
      </rPr>
      <t>:
A DCI following the DCI Format 2_0 structure is used to indicate DU-IA to an IAB node using a new IA-RNTI different from SFI-RNTI.
This DCI contains one or multiple fields (similar to SFI-index fields in DCI Format 2_0), each field value is used as the index in a RRC configured AI (Availability Indicator) AvailabilityCombination table (similar to the SFI SlotFormatCombination table).
Each entry in the AI AvailabilityCombination table indicates the resource availability for a set of consecutive slots.
Each element of each entry in the AI AvailabilityCombination table indicates the resource availability in a slot.
The resource availability can take 8 values:
Value     Meaning
0             D soft resources: no indication of availability, U soft resources: no indication of availability, F soft resources: no indication of availability
1             D soft resources: indicated available, U soft resources: no indication of availability, F soft resources: no indication of availability
2             D soft resources: no indication of availability, U soft resources: indicated available, F soft resources: no indication of availability
3             D soft resources: indicated available, U soft resources: indicated available, F soft resources: no indication of availability
4             D soft resources: no indication of availability, U soft resources: no indication of availability, F soft resources: indicated available
5             D soft resources: indicated available, U soft resources: no indication of availability, F soft resources: indicated available
6             D soft resources: no indication of availability, U soft resources: indicated available, F soft resources: indicated available
7             D soft resources: indicated available, U soft resources: indicated available, F soft resources: indicated available
The maximum number of entries in the AI AvailabilityCombination table is 512.</t>
    </r>
    <phoneticPr fontId="10"/>
  </si>
  <si>
    <t>SEQUENCE {SIZE (1..maxNrofResourceAvailabilityPerCombination) }of INTEGER (0..7) 
maxNrofResourceAvailabilityPerCombination = 256
The resource availability can take one of 8 values per slot:
Value     Meaning
0             D soft resources: no indication of availability, U soft resources: no indication of availability, F soft resources: no indication of availability
1             D soft resources: indicated available, U soft resources: no indication of availability, F soft resources: no indication of availability
2             D soft resources: no indication of availability, U soft resources: indicated available, F soft resources: no indication of availability
3             D soft resources: indicated available, U soft resources: indicated available, F soft resources: no indication of availability
4             D soft resources: no indication of availability, U soft resources: no indication of availability, F soft resources: indicated available
5             D soft resources: indicated available, U soft resources: no indication of availability, F soft resources: indicated available
6             D soft resources: no indication of availability, U soft resources: indicated available, F soft resources: indicated available
7             D soft resources: indicated available, U soft resources: indicated available, F soft resources: indicated available</t>
    <phoneticPr fontId="10"/>
  </si>
  <si>
    <t>NR_Mob_enh</t>
  </si>
  <si>
    <t>DAPS HO</t>
  </si>
  <si>
    <t>15</t>
  </si>
  <si>
    <t>Agreement from RAN1 #100-E email discussion [100e-NR-Mob-Enh-02] UL PC for DAPS-HO
Include the following parameters to RRC list 
•	p-DAPS-FR1
•	p-DAPS-FR2
•	UplinkPowerSharingDAPS-HO-mode</t>
  </si>
  <si>
    <t>same as P-Max, which is (-30, …, 30)</t>
  </si>
  <si>
    <t>indicates the inter-CG UL power sharing mode that is configured by the gNB</t>
    <phoneticPr fontId="10"/>
  </si>
  <si>
    <t>{Semi-static-mode1, Semi-static-mode2, Dynamic}</t>
    <phoneticPr fontId="10"/>
  </si>
  <si>
    <t>Per CG and per UE</t>
    <phoneticPr fontId="10"/>
  </si>
  <si>
    <t>5.1.5</t>
  </si>
  <si>
    <t>enableDefaultBeamForCCS</t>
  </si>
  <si>
    <t>Flag to enable Rel-16 default beam selection for cross-carrier scheduled PDSCH</t>
  </si>
  <si>
    <t>Enabled</t>
  </si>
  <si>
    <t>Not present = Rel-15 behaviour is used</t>
  </si>
  <si>
    <r>
      <t xml:space="preserve">As in Rel-15:
</t>
    </r>
    <r>
      <rPr>
        <b/>
        <strike/>
        <sz val="8"/>
        <rFont val="Arial"/>
        <family val="2"/>
      </rPr>
      <t>tdm-PatternConfig</t>
    </r>
    <r>
      <rPr>
        <strike/>
        <sz val="8"/>
        <rFont val="Arial"/>
        <family val="2"/>
      </rPr>
      <t xml:space="preserve">
UL/DL reference configuration indicating the time during which a UE configured with EN-DC is allowed to transmit. This field is used when power control or IMD issues require single UL transmission as specified in TS 38.101-3 [101] and TS 38.213 [88].</t>
    </r>
  </si>
  <si>
    <r>
      <t>RAN1#98bis
New slot offset values
-	Extend the X(</t>
    </r>
    <r>
      <rPr>
        <sz val="8"/>
        <rFont val="宋体"/>
        <family val="3"/>
        <charset val="134"/>
      </rPr>
      <t>≥</t>
    </r>
    <r>
      <rPr>
        <sz val="8"/>
        <rFont val="Arial"/>
        <family val="2"/>
      </rPr>
      <t>0) values for cross-carrier A-CSI RS triggering when the PDCCH and A-CSI RS have different SCS
RAN1:99: Range of X: {0,…,31}</t>
    </r>
  </si>
  <si>
    <t>CrossCarrierSchedulingConfig</t>
    <phoneticPr fontId="10"/>
  </si>
  <si>
    <t>Directional collision handling between reference cell and other cell for half-duplex operation in CA</t>
    <phoneticPr fontId="10"/>
  </si>
  <si>
    <t>Section 11.1</t>
    <phoneticPr fontId="10"/>
  </si>
  <si>
    <t>[CellGroupConfig or ServingCellConfig]</t>
    <phoneticPr fontId="10"/>
  </si>
  <si>
    <t>half-duplex-behavior-r16</t>
    <phoneticPr fontId="10"/>
  </si>
  <si>
    <t>UE's directional collision handling between reference and other cell(s) for half-duplex operation in CA is enabled or disabled by this configuration for UEs supporting directional collision handling.</t>
    <phoneticPr fontId="10"/>
  </si>
  <si>
    <t>[per UE or per serving cell]</t>
    <phoneticPr fontId="10"/>
  </si>
  <si>
    <t>Regarding TEI “Half-duplex operation in CA”
•           Agreements made during email discussion [95-NR-06] on directional collision handling for half duplex CA operation are adopted in Rel-16.
 Note: Dropping semi SFI U and D on other cell means that UE drops all higher-layer configured transmissions and reception (both RRC U and RRC D) on the other cell, but may receive Dynamic D and transmit Dynamic U, correspondingly.
•           A new UE capability to indicate the support for directional collision handling between reference and other cell(s) is introduced.
•           A new RRC  parameter to activate directional collision handling between reference and other cell(s).
 Note: For Half-duplex UEs, UEs that do not indicate the support of this capability should still be able to operate half-duplex TDD CA if network ensures same transmission direction across all the serving cells.</t>
    <phoneticPr fontId="10"/>
  </si>
  <si>
    <t>0, 1
(0 - low priority, 1 - high priority)</t>
  </si>
  <si>
    <t>Agreements:
• Support two-level SR priority (high or low) intended for two different service types known at PHY layer in R16.
o The PHY-layer SR priority is determinined by an explicit indication (as a new RRC parameter) for each SR resource configuration.
Agreements:
• The priority of a PUCCH-BFR resource is indicated the same way as a SR resource</t>
  </si>
  <si>
    <t>sps-ConfigIndex-r16</t>
  </si>
  <si>
    <t>SPS-ConfigDeactivationStateList-r16</t>
  </si>
  <si>
    <t>1 to 16 of SPS-ConfigDeactivationState-r16</t>
  </si>
  <si>
    <t>Agreements:
Support joint release in a DCI for two or more SPS configurations for a given BWP of a serving cell
- Reusing the joint release mechanism as that defined for UL type 2 CG
• M&lt;=4 bits indication in the Release DCI is used for indicating which CG configuration(s) is/are released, where the association between each state indicated by the indication and the CG configuration(s) is
o Up to 2^M states are higher layer configurable, where each of the state can be mapped to a single or multiple CG configurations to be released
o In case of no higher layer configured state(s), separate release is used where the release corresponds to the CG configuration index indicated by the indication</t>
  </si>
  <si>
    <t>SPS-ConfigDeactivationState-r16</t>
  </si>
  <si>
    <t>Configure single or multiple SPS configurations for a state in the SPS-ConfigDeactivationStateList-r16</t>
  </si>
  <si>
    <t xml:space="preserve">1..8 OF sps-ConfigIndex-r16 </t>
  </si>
  <si>
    <t>Section 5.1.2.1 for 38.214</t>
  </si>
  <si>
    <t>SPS-Config</t>
  </si>
  <si>
    <t>pdsch-AggregationFactor</t>
  </si>
  <si>
    <t>Configure the number of repetitions for a SPS configuration</t>
  </si>
  <si>
    <t>1, 2, 4, 8</t>
  </si>
  <si>
    <t>Agreements:
Introduce configuration of PDSCH aggregation factor (pdsch-AggregationFactor) per DL SPS configuration with the value range of {1,2,4,8} [RRC impact]
   For PDSCH scheduled without corresponding PDCCH transmission using sps-Config and activated by DCI format 1_1 or 1_2, or PDSCH scheduled by DCI format 1_1 or 1_2 in PDCCH with CRC scrambled with CS-RNTI with NDI=0
‒          PDSCH aggregation factor signaled in sps-Config (newly introduced RRC parameter) is applied if configured; otherwise, PDSCH aggregation factor signaled in pdsch-Config is applied
   For PDSCH scheduled by DCI format 1_1 or 1_2 in PDCCH with CRC scrambled with CS-RNTI with NDI=1
‒          PDSCH aggregation factor signaled in pdsch-Config is applied</t>
  </si>
  <si>
    <t>When this parameter is present in DMRS-DownlinkConfig, then the Rel.16 low PAPR DMRS is used instead of the Rel.15 DMRS according to TS 38.211, Clause 7.4.1.1.1</t>
    <phoneticPr fontId="10"/>
  </si>
  <si>
    <t>When this parameter is present in DMRS-UplinkConfig, under transformPrecodingDisabled, then the Rel.16 low PAPR DMRS is used for CP-OFDM PUSCH, instead of the Rel.15 DMRS, according to TS 38.211, Clause 6.4.1.1.1.1</t>
    <phoneticPr fontId="10"/>
  </si>
  <si>
    <t>When this parameter is present in DMRS-UplinkConfig, under transformPrecodingEnabled, then the Rel.16 low PAPR DMRS is used for  PUSCH with pi/2 BPSK modulation, instead of the Rel.15 DMRS, according to TS 38.211, Clause  6.4.1.1.1.2</t>
    <phoneticPr fontId="10"/>
  </si>
  <si>
    <t>UL DMRS scrambling initialization for pi/2 BPSK DMRS for PUSCH (see TS 38.211, Clause 6.4.1.1.1.2). When the field is absent the UE applies the value Physical cell ID (physCellId).</t>
    <phoneticPr fontId="10"/>
  </si>
  <si>
    <t>Only when codebookType = typeII-r16 OR typeII-PortSelection-r16</t>
    <phoneticPr fontId="10"/>
  </si>
  <si>
    <t>Only when codebookType = typeII-r16</t>
    <phoneticPr fontId="10"/>
  </si>
  <si>
    <t>New R16 values: typeII-r16, typeII-PortSelection-r16</t>
    <phoneticPr fontId="10"/>
  </si>
  <si>
    <t>Only when codebookType = typeII-PortSelection-r16</t>
    <phoneticPr fontId="10"/>
  </si>
  <si>
    <t>New parameter(s) for PUCCH resource grouping for simultaneous spatial relation update by MAC CE 
LS(R1-1913423) sent to RAN2)</t>
    <phoneticPr fontId="10"/>
  </si>
  <si>
    <t>At least per UL BWP
(LS(R1-1913423) sent to RAN2, suggesting to take two Examples into account for future RAN2 work.</t>
    <phoneticPr fontId="10"/>
  </si>
  <si>
    <t>SEQUENCE (SIZE (1..64)) OF INTEGER (up to 20ms in unit of symbols)</t>
  </si>
  <si>
    <t>Timer to control the UE behavior to switch from search space group 1 back to search space group 0</t>
  </si>
  <si>
    <t>INTEGER (1,…,20ms) but in unit of slots</t>
  </si>
  <si>
    <t>This is used for NR-U CP extension computation for C2*symbolLength-16-TA.
For 15 and 30KHz SCS, {1..28} are valid. For 60KHz SCS, {2..28} are valid</t>
  </si>
  <si>
    <t>This is used for NR-U CP extension computation for C3*symbolLength-25-TA. For 15 KHz SCS, {1..28} are valid. For 30KHz SCS, {2,…,28} are valid. For 60KHz SCS, {3..28} are valid</t>
  </si>
  <si>
    <t>Same values as LTE-LAA.
LTE LAA is using {ms40, ms80, ms160, ms320, ms640}</t>
  </si>
  <si>
    <t>Same values as LTE-LAA
LTE LAA is using {0,…,639}</t>
  </si>
  <si>
    <t>rmtc-refSCS-CP-r16</t>
  </si>
  <si>
    <t>Add in RMTC-Config-r16. Reference SCS and CP</t>
  </si>
  <si>
    <t>{15 kHz, 30 kHz, 60 kHz-NCP, 60 kHz-ECP}</t>
  </si>
  <si>
    <t>Agreement: 
The RMTC-Config can indicate a reference SCS and CP as one of {15 kHz, 30 kHz, 60 kHz-NCP, 60 kHz-ECP}</t>
  </si>
  <si>
    <t>Keep value range for rssi-Result-r16 and channelOccupancyThreshold-r16 the same as for LTE-LAA and inform RAN2 of this decision.</t>
  </si>
  <si>
    <t>See comments</t>
  </si>
  <si>
    <t>Agreement:
Definition of the minimum duration, D, in the case of slot aggregation/CG repetition
•	For the case of CG repetitions, the minimum duration D is calculated from the ending symbol of each PUSCH of the K repetitions to the starting symbol of the DFI carrying HARQ-ACK for the associated HARQ process ID 
•	For the case of slot aggregation for scheduled UL transmission, the minimum duration, D, refers to the time between ending symbol of the PUSCH in the first slot of aggregated slots to the starting symbol of the DFI carrying HARQ-ACK for the associated HARQ process ID
•	For ACK, the minimum duration, D, from the ending symbol of the first PUSCH of the TB repetitions to the starting symbol of the DFI
•	For NACK, the minimum duration, D, from the ending symbol of the last available PUSCH of the TB repetitions to the starting symbol of the DFI
Agreement:
Value ranges for cg-minDFIDelay-r16 in symbols with the step size of [14] symbols except for the first two values for different SCS are {[7], [14], [28], …, M} where M is as follows:
•	1 *4 * 14 = 56 (symbols)} for 15 kHz SCS
•	2 * 4 * 14 = 112 (symbols)} for 30 kHz SCS
•	4 * 4 * 14 = 224 (symbols) for 60 kHz SCS</t>
  </si>
  <si>
    <t>SEQUENCE (SIZE (1..6)) OF INTEGER (0..6)</t>
  </si>
  <si>
    <t>SEQUENCE (SIZE (1..7)) OF INTEGER (0..6)</t>
  </si>
  <si>
    <t>{0,…,6}</t>
  </si>
  <si>
    <t>same as beta offset range for HARQ-ACK</t>
  </si>
  <si>
    <r>
      <rPr>
        <strike/>
        <sz val="8"/>
        <rFont val="Arial"/>
        <family val="2"/>
      </rPr>
      <t xml:space="preserve">{?} </t>
    </r>
    <r>
      <rPr>
        <sz val="8"/>
        <rFont val="Arial"/>
        <family val="2"/>
      </rPr>
      <t>{1..40}</t>
    </r>
  </si>
  <si>
    <t>Agreements:
UE starts monitoring the PDCCH with CRC scrambled by PS-RNTI  at the configured PS_offset before the start of DRX ON until the end of the configured range of monitoring.
• The “PS_offset” is a new higher layer parameter  
 • (Working assumption) the range of monitoring is derived based on existing parameters, e.g., duration and  monitoringSymbolsWithinSlot, in SearchSpace IE without any change 
O   Note: the value of “range” is smaller than that of PS_offset, e.g., to ensure UE with sufficient time for preparing for PDCCH monitoring at the DRX ON
Search space is configured for the indication of monitoring DCI with CRC scrambled by PS-RNTI.
• Reuse the existing search space configuration with all or subset of parameters, e.g., the periodicity and the offset
• FFS: The restriction in the  supported periodicity, the aggregation level and the number of blind decoding for the new DCI with CRC scrambled by PS-RNTI
• PS_offset is set with the unit of milliseconds.   The value range of the PS_offset is from [0.125, 0.25, 0.5, 1, 2, …, [15]]ms
     O FFS whether or not to add extra values
Agreements:
•	The PDCCH-based power saving signal/channel can be configured for long DRX for a UE
•	(Working assumption) If there is also short DRX cycle configured for the UE, the PDCCH-based power saving signal/channel is not applicable for the short DRX cycle</t>
    <phoneticPr fontId="10"/>
  </si>
  <si>
    <t>Agreements:
UE starts monitoring the PDCCH with CRC scrambled by PS-RNTI  at the configured PS_offset before the start of DRX ON until the end of the configured range of monitoring.   
•	The “PS_offset” is a new higher layer parameter  
•	(Working assumption) the range of monitoring is derived based on existing parameters, e.g., duration and  monitoringSymbolsWithinSlot, in SearchSpace IE without any change 
o	Note: the value of “range” is smaller than that of PS_offset, e.g., to ensure UE with sufficient time for preparing for PDCCH monitoring at the DRX ON
Search space is configured for the indication of monitoring DCI with CRC scrambled by PS-RNTI.
•	Reuse the existing search space configuration with all or subset of parameters, e.g., the periodicity and the offset
•	FFS: The restriction in the  supported periodicity, the aggregation level and the number of blind decoding for the new DCI with CRC scrambled by PS-RNTI
With the above agreement, it is understood that the search space(s) for WUS PDCCH reuses the existing SS IE (i.e., no new SS IE).
A new DCI format 3_0 is introduced for providing the indication of power saving information used outside Active Time in Rel-16</t>
    <phoneticPr fontId="10"/>
  </si>
  <si>
    <t xml:space="preserve">Resource element (RE) spacing in each symbol of DL PRS Resource. The value N is configured from the set {2, 4, 6, 12}.
All DL PRS Resource Sets belonging to the same Positioning Frequency Layer have the same value of combSize. 
</t>
    <phoneticPr fontId="10"/>
  </si>
  <si>
    <t>N = {2, 4, 6, 12}</t>
    <phoneticPr fontId="10"/>
  </si>
  <si>
    <t xml:space="preserve">{0,1} for N = 2
{0,1, 2, 3} for N = 4
{0,1, 2, 3, 4, 5} for N = 6
{0,1,2,3,4,5,6,7,8,9,10,11} for N=12
</t>
    <phoneticPr fontId="10"/>
  </si>
  <si>
    <t>At least the following DL PRS RE patterns, with comb size N equal to number of symbols M (i.e. N = M) are supported 
•	Comb-2: Symbols {0, 1} have relative RE offsets {0, 1}
Symbols {0,1,2,3} have relative RE offsets {0,1,0,1}
Symbols {0,1,2,3,4,5} have relative RE offsets {0,1,0,1,0,1}
Symbols {0,1,2,3,4,5,6,7,8,9,10,11} have relative RE offsets {0,1,0,1,0,1,0,1,0,1,0,1}
•	Comb-4: Symbols {0, 1, 2, 3} have relative RE offsets {0, 2, 1, 3}
Symbols {0,1,2,3,4,5,6,7,8,9,10,11} have relative RE offsets {0,2,1,3,0,2,1,3,0,2,1,3}
•	Comb-6: Symbols {0, 1, 2, 3, 4, 5} have relative RE offsets {0, 3, 1, 4, 2, 5}
Symbols {0,1,2,3,4,5,6,7,8,9,10,11} have relative RE offsets {0,3,1,4,2,5,0,3,1,4,2,5}
• Comb-12:
Symbols {0,1,2,3,4,5,6,7,8,9,10,11} have relative RE offsets {0,6,3,9,1,7,4,10,2,8,5,11} as a working assumption</t>
    <phoneticPr fontId="10"/>
  </si>
  <si>
    <t>{0,1, …., maxResourceOffsetValue - 1}
maxResourceOffsetValue = 512</t>
    <phoneticPr fontId="10"/>
  </si>
  <si>
    <t xml:space="preserve">Number of symbols per DL PRS Resource within a slot which is configurable from the following set {2, 4, 6, 12}
</t>
    <phoneticPr fontId="10"/>
  </si>
  <si>
    <t>{2, 4, 6, 12}</t>
    <phoneticPr fontId="10"/>
  </si>
  <si>
    <t>QCL Type-D from an DL PRS Resource
QCL-TypeC from an SSB from a TRP
QCL Type-D from an SSB</t>
    <phoneticPr fontId="10"/>
  </si>
  <si>
    <t xml:space="preserve">For positioning purposes, to assist UE to perform Rx beamforming, the following can be used (option 1 from previous related agreement in RAN1#97):
•	The DL PRS can be configured to be QCL Type D with a DL Reference Signal from a serving or neighbouring cell. SSB or DL-PRS can be the QCL Type D source of DL-PRS.
If the DL-PRS-QCL-Info for a DL-PRS Resource of a TRP indicates ‘QCL Type-D from a DL-PRS Resource’, the DL-PRS-ResourceSetId and the DL-PRS-ResourceId for the indicated source DL-PRS Resource can be provided. 
QCL relation between two DL-PRS Resources can only be provided for DL-PRS Resources of the same TRP.
</t>
    <phoneticPr fontId="10"/>
  </si>
  <si>
    <t>Number of PRBs allocated for DL PRS Resource (allocated DL PRS bandwidth)
All DL PRS Resources of the DL PRS Resource Set have the same bandwidth
All DL PRS Resource Sets belonging to the same Positioning Frequency Layer have the same value of DL PRS Bandwidth and Start PRB</t>
    <phoneticPr fontId="10"/>
  </si>
  <si>
    <t>Start PRB index defined as offset with respect to reference DL PRS Point A configured for positioning frequency layer. 
In the agreements made in RAN1 related to NR positioning, a “positioning frequency layer” is a collection of DL PRS Resource Sets across one or more TRPs which have
•	the same SCS and CP type
•	the same center frequency
•	the same point-A (already agreed)
The same configured BW</t>
    <phoneticPr fontId="10"/>
  </si>
  <si>
    <t xml:space="preserve">For providing an indication of when the DL PRSs are expected to arrive in time at the UE. ExpectedRSTD is defined as the time difference with respect to the received DL subframe timings associated with the different TRPs the target device is expected to measure
The expected RSTD value is a single value defined as the RSTD the UE is expected to measure (at the UE location).
The value range of the expected RSTD is +/- 500 us. 
</t>
    <phoneticPr fontId="10"/>
  </si>
  <si>
    <t xml:space="preserve">For providing an indication of when the DL PRSs are expected to arrive in time at the UE with uncertainty (search window).
DL-PRS-RstdReferenceInfo is used for DL-PRS-expectedRSTD and DL-PRS-expectedRSTD-uncertainty
The value range for the uncertainty of the expected RSTD is:
--When any of the resources used for the DL positioning measurement are in FR1: +/- 32 us
--When all of the resources used for the DL positioning measurement are in FR2: +/- 8 us
</t>
    <phoneticPr fontId="10"/>
  </si>
  <si>
    <t xml:space="preserve">A bitmap for DL PRS muting is configured for a DL PRS Resource Set. The following options are supported for the applicability of the bitmap.
•	Option 1: Each bit in the bitmap corresponds to a configurable number of consecutive instances (in a periodic transmission of DL-PRS resource sets) of a DL-PRS Resource set
o	All DL-PRS Resources within a DL-PRS Resource Set instance are muted for a DL-PRS Resource Set instance that is indicated to be muted by the bitmap
•	Option 2: Each bit in the bitmap corresponds to a single repetition index for each of the DL-PRS Resources within an instance of a DL-PRS Resource Set (The length of the bitmap is equal to DL-PRS-ResourceRepetitionFactor)
o	The above applies to all instances of the DL-PRS Resource Set that the above DL-PRS Resources are part of.
•	Bitmap size values: 2, 4, 6, 8, 16, 32 bits
Bit value “0” indicates a muted DL PRS transmission, and the value “1” indicates DL PRS transmission
UE can be configured with any of the following combinations of DL PRS muting options
Option 1 only
Option 2 only
Option 1 and Option 2 
If both options are configured, the logical AND operation is applied, i.e. for each bit from Option 1 bitmap the logical AND is applied to all bits of Option 2 bitmap
</t>
    <phoneticPr fontId="10"/>
  </si>
  <si>
    <t>Bit String
(Size {2, 4, 6, 8, 16, 32})</t>
  </si>
  <si>
    <t>The DL-PRS-ResourcePower is defined as average EPRE of the resources elements that carry DL-PRS Resource signals in dBm that the TRP uses for DL-PRS Resource transmission.
UE assumes constant EPRE for all REs of a given DL PRS Resource</t>
    <phoneticPr fontId="10"/>
  </si>
  <si>
    <t xml:space="preserve">The quality metrics for all UE/gNB timing measurements includes resolution field.
Resolution: provides the resolution levels used in the Value field
The same set of resolutions for the quality metrics of all UE/gNB timing measurements (DL PRS RSTD, UE Rx-Tx time difference, UL RTOA, and gNB Rx-Tx time difference) is supported.
The resolution of {0.1m, 1m, 10m, 30m} and 5 bits value field is used for both DL and UL timing based measurements </t>
    <phoneticPr fontId="10"/>
  </si>
  <si>
    <t>A container for all DL PRS Resource Sets from all TRPs classified as in one positioning frequency layer.
A “positioning frequency layer” is a collection of DL PRS Resource Sets across one or more TRPs which have
the same SCS and CP type
the same center frequency
the same point-A
The same configured BW
Max number of frequency layers for configuration = 4</t>
    <phoneticPr fontId="10"/>
  </si>
  <si>
    <t xml:space="preserve">UE can be configured to measure DL PRS RSTD, UE Tx-Rx time difference, and DL PRS RSRP within up to NumDL-PRS-ResourceSetsPerTRPFrequencyLayer DL PRS resource sets per TRP
</t>
    <phoneticPr fontId="10"/>
  </si>
  <si>
    <r>
      <t>ssbSubcarrierSpacing</t>
    </r>
    <r>
      <rPr>
        <u/>
        <sz val="5"/>
        <rFont val="Arial"/>
        <family val="2"/>
      </rPr>
      <t xml:space="preserve"> </t>
    </r>
  </si>
  <si>
    <r>
      <t xml:space="preserve">ssbSubcarrierSpacing with value </t>
    </r>
    <r>
      <rPr>
        <i/>
        <sz val="8"/>
        <rFont val="Arial"/>
        <family val="2"/>
      </rPr>
      <t>SubcarrierSpacinf IE</t>
    </r>
  </si>
  <si>
    <r>
      <t xml:space="preserve">with valuesof : </t>
    </r>
    <r>
      <rPr>
        <i/>
        <sz val="8"/>
        <rFont val="Arial"/>
        <family val="2"/>
      </rPr>
      <t>SubcarrierSpacinf IE</t>
    </r>
  </si>
  <si>
    <t>INTEGER (0..maxNrofSRS-Resources-1)
maxNrofSRS-Resources = 64 per BWP</t>
  </si>
  <si>
    <t>For positioning, the SRS comb size set is extended from {2,4} to {2,4,8} 
- The RE pattern of an SRS resource for positioning is configured with a combOffset for the first symbol in an SRS resource. 
- The relative RE offsets of following symbols are defined relative to the combOffset of the first symbol in the SRS resource. 
- A relative RE offset of each of the following symbols is derived from the configured number of symbols for an SRS resource, the comb size for the SRS resource and the SRS symbol index within the SRS resource.
The supported relative RE offsets for combinations of the number of symbols (1,2,4,8,12) and comb sizes (2,4,8) for SRS are given in the table below. At least one pattern for each pair are to be selected from the following options:
Comb Size 2:
Number of symbols – 1: {0}
Number of symbols – 2: {0, 1}
Number of symbols – 4: {0, 1, 0, 1}
Number of symbols – 8: N/A
Number of symbols – 12: N/A
Comb Size 4:
Number of symbols – 1: N/A
Number of symbols – 2: {0, 2}
Number of symbols – 4: {0,2,1,3}
Number of symbols – 8: {0,2,1,3, 0,2,1,3}
Number of symbols – 12: {0,2,1,3, 0,2,1,3, 0,2,1,3}
Comb Size 8:
Number of symbols – 1: N/A
Number of symbols – 2: N/A
Number of symbols – 4: {0,4,2,6}
Number of symbols – 8: {0,4,2,6,1,5,3,7} 
Number of symbols – 12: {0,4,2,6,1,5,3,7,0,4,2,6}</t>
    <phoneticPr fontId="10"/>
  </si>
  <si>
    <t>Indicates b andwidth for SRS for Positioning (see TS 38.214 [19], clause 6.2.1).</t>
    <phoneticPr fontId="10"/>
  </si>
  <si>
    <t>Frequency hopping of SRS for positioning is not supported in Rel-16</t>
    <phoneticPr fontId="10"/>
  </si>
  <si>
    <t xml:space="preserve">sl1 NULL, 
sl2 INTEGER(0..1), 
sl4 INTEGER(0..3), 
sl5 INTEGER(0..4), 
sl8 INTEGER(0..7), 
sl10 INTEGER(0..9), 
sl16 INTEGER(0..15), 
sl20 INTEGER(0..19), 
sl32 INTEGER(0..31), 
sl40 INTEGER(0..39), 
sl64 INTEGER(0..63), 
sl80 INTEGER(0..79), 
sl160 INTEGER(0..159), 
sl320 INTEGER(0..319), 
sl640 INTEGER(0..639),
sl1280 INTEGER(0..1279),
sl2560 INTEGER(0..2559)
sl5120 INTEGER(0..5119)
sl10240 INTEGER(0..10239)
for 30/60/120kHz only
sl20480 
INTEGER(0..20479)
for 60/120kHz only
sl40960 INTEGER(0..40959)
for 120kHz only
sl81920 INTEGER(0..81919)
</t>
    <phoneticPr fontId="10"/>
  </si>
  <si>
    <t>Sequence ID used to initialize pseudo random group and sequence hopping
The number of bits for the RRC parameter sequence ID is increased to 16.</t>
    <phoneticPr fontId="10"/>
  </si>
  <si>
    <t>SRS Resource
Serving cell {SSB, CSI-RS(NZP-CSI-RS-ResourceId, serving cell Id), DL-PRS}
Neighbouring cell {SSB, DL-PRS}
Signaling to provide:
time/frequency occupancy of the SSB
the time/frequency occupancy of the DL-PRS
is given below</t>
    <phoneticPr fontId="10"/>
  </si>
  <si>
    <t xml:space="preserve">RAN1 98b Agreements:
•	The number of distinct pathloss references that a UE can simultaneously maintain for SRS for positioning resource sets can be smaller than the number of configured SRS for positioning resource sets. 
•	A UE does not expect to simultaneously maintain more than N additional pathloss estimates across all SRS resource sets for positioning, in addition to the up to four pathloss estimates per serving cell currently specified for PUSCH/PUCCH/SRS transmissions.
o   FFS: Value of N
•	There is at most one pathloss reference per SRS resource set configured.
•	Note: The value of N can be decided at RAN1#99 or as part of UE capability discussions.
•	If a DL reference signal is to be used as pathloss reference for the purpose of SRS for positioning power control, or if a DL reference signal is to be used as spatial relation info for SRS for positioning, the following is provided to the UE by higher layers:
•	If the DL RS to be used is a SSB, provide the time/frequency occupancy of the SSB.  
•	If the DL RS to be used is a DL-PRS, provide the the time/frequency occupancy of the DL-PRS.
For the purpose of power control of the SRS for positioning purposes (for all positioning solutions using SRS when DL-PRS is available), support configuring a DL-PRS (in addition to SSB which has already been agreed) of a neighbouring cell to be used as DL path loss reference. 
Note: UE support of DL-PRS as a DL pathloss reference can be discussed as part of UE capability discussions
Agreement(RAN1#99):
• A UE does not expect to simultaneously maintain more than N distinct pathloss estimates across all SRS resource sets for positioning which are different from the up to four pathloss estimates per serving cell the UE maintains for PUSCH/PUCCH and other SRS transmissions, where N can be up to 16 per UE.
• The maximum value of N supported by a UE can be indicated as a UE capability and can take the values N = {0, 4, 8, 16}
</t>
    <phoneticPr fontId="10"/>
  </si>
  <si>
    <r>
      <t>SFN</t>
    </r>
    <r>
      <rPr>
        <i/>
        <u/>
        <sz val="5"/>
        <rFont val="Arial"/>
        <family val="2"/>
      </rPr>
      <t>-SSBoffset</t>
    </r>
  </si>
  <si>
    <r>
      <t xml:space="preserve">SFN0 Offset </t>
    </r>
    <r>
      <rPr>
        <u/>
        <sz val="5"/>
        <rFont val="Arial"/>
        <family val="2"/>
      </rPr>
      <t>per physical cell ID: Time offset of the SFN0 slot0 of a given cell with respect to the serving Pcell.</t>
    </r>
  </si>
  <si>
    <t>1..maxNrofPhysicalResourceBlocks</t>
    <phoneticPr fontId="10"/>
  </si>
  <si>
    <t>[UE specific, Cell specific]</t>
    <phoneticPr fontId="10"/>
  </si>
  <si>
    <t>SL carrier</t>
    <phoneticPr fontId="10"/>
  </si>
  <si>
    <t>Per cell</t>
    <phoneticPr fontId="10"/>
  </si>
  <si>
    <t>0..265</t>
    <phoneticPr fontId="10"/>
  </si>
  <si>
    <t>1..27</t>
    <phoneticPr fontId="10"/>
  </si>
  <si>
    <t>numRbResourcePool</t>
    <phoneticPr fontId="10"/>
  </si>
  <si>
    <t>Indicates the number of PRBs in the corresponding resource pool, which consists of contiguous PRBs only.</t>
    <phoneticPr fontId="10"/>
  </si>
  <si>
    <t>10..275</t>
    <phoneticPr fontId="10"/>
  </si>
  <si>
    <t>Working assumption made in RAN1#100e
• For the number of PRBs for resource pool, allow configuration of all  number of PRBs in a SL BWP. 
• FFS until RAN1#100bis-e whether/how to deal with remaining PRBs if the configured PRBs for resource pool is not a multiple of subchannel size.</t>
    <phoneticPr fontId="10"/>
  </si>
  <si>
    <t>CHOICE {
{2}, {3}, {4}, {2, 3}, {2, 4}, {3, 4}, {2, 3, 4}
}</t>
    <phoneticPr fontId="10"/>
  </si>
  <si>
    <t>Agreements made in RAN1#98:
• (Pre-)configuration of one or more PSSCH DMRS pattern(s) in time domain per a resource pool is supported.
Working assumption:
•	The DM-RS patterns on slides 3-10 in R1-1913576 are supported 
o	Except the one marked with a red circle on slide 3</t>
    <phoneticPr fontId="13" type="noConversion"/>
  </si>
  <si>
    <t>10, 12 15, 20, 25</t>
    <phoneticPr fontId="10"/>
  </si>
  <si>
    <t xml:space="preserve">Agreements made in RAN1#99
• 1st SCI includes at least 
o Priority (QoS value), 
o PSSCH resource assignment (frequency/time resource for PSSCH), 
o Resource reservation period (if enabled), 
o PSSCH DMRS pattern (if more than one patterns are (pre-)configured), 
o 2nd SCI format (e.g. information on the size of 2nd SCI), 
o [2]-bit information on amount of resources for 2nd SCI (e.g. beta offset or aggregation level) 
o Number of PSSCH DMRS port(s) 
o 5-bit MCS
o FFS on some part of destination ID
</t>
    <phoneticPr fontId="10"/>
  </si>
  <si>
    <t>[Per resource pool]</t>
    <phoneticPr fontId="10"/>
  </si>
  <si>
    <t>[UE specific, Cell specific]</t>
    <phoneticPr fontId="13" type="noConversion"/>
  </si>
  <si>
    <t>-16..15</t>
    <phoneticPr fontId="10"/>
  </si>
  <si>
    <t>{alpha0, alpha04, alpha05, alpha06, alpha07, alpha08, alpha09, alpha1}</t>
    <phoneticPr fontId="10"/>
  </si>
  <si>
    <t>alpha1</t>
    <phoneticPr fontId="10"/>
  </si>
  <si>
    <t>p0-DL-PSBCH</t>
    <phoneticPr fontId="10"/>
  </si>
  <si>
    <t>P0 value for DL pathloss based power control for PSBCH. If not configured, DL pathloss based power control is disabled for PSBCH.</t>
    <phoneticPr fontId="10"/>
  </si>
  <si>
    <t>Agreements made in RAN1#100e
• Downlink pathloss based S-SSB open-loop power control is supported.
• The transmission power is same for S-PSS, S-SSS, and PSBCH symbol.</t>
    <phoneticPr fontId="10"/>
  </si>
  <si>
    <t>alpha-DL-PSBCH</t>
    <phoneticPr fontId="10"/>
  </si>
  <si>
    <t>alpha value for DL pathloss based power control for PSBCH. When the field is absent the UE applies the value 1</t>
    <phoneticPr fontId="10"/>
  </si>
  <si>
    <t>A table of values which indicates the  possible time offset to (de)activation of LTE SL transmission after receiving NR DCI used for scheduling LTE PC5. 8 values are configured for the table.</t>
    <phoneticPr fontId="13" type="noConversion"/>
  </si>
  <si>
    <t>Agreements made in RAN1#98bis:
For reporting SL HARQ-ACK to the gNB: 
• For dynamic grant and configured grant type-2 in SL, the Rel-15 procedure and signalling for DL HARQ-ACK are reused for the purpose of selecting PUCCH offset/resource and format in UL. 
o The configuration for SL is separate from Uu link for a UE
o FFS how to indicatae timing of transmission in PUCCH, including whether physical or logical slots are used
• For configured grant type-1 in SL, RRC is used to configure PUCCH offset/resource and format in UL (if supported)</t>
  </si>
  <si>
    <t>UE-Identity-CGType1Type2</t>
    <phoneticPr fontId="10"/>
  </si>
  <si>
    <t>0..27</t>
    <phoneticPr fontId="13" type="noConversion"/>
  </si>
  <si>
    <t>[Per configured grant, Per UE]</t>
    <phoneticPr fontId="10"/>
  </si>
  <si>
    <t>0..31</t>
    <phoneticPr fontId="13" type="noConversion"/>
  </si>
  <si>
    <t>nrofHARQ-Processes-SL</t>
    <phoneticPr fontId="10"/>
  </si>
  <si>
    <t>The number of HARQ processes configured. It applies for both Type 1 and Type 2.</t>
    <phoneticPr fontId="10"/>
  </si>
  <si>
    <t>Agreement made in RAN1#100e
• The HARQ process ID for each transmission in a resource corresponding to a SL configured grant is determined based on the formula used for UL configured grants. 
o The mapping with the values of HPN in SCI is fixed for a TB, and is up to UE implementation.
• The specification supports having multiple HARQ ID processes for a given SL configured grant.</t>
    <phoneticPr fontId="10"/>
  </si>
  <si>
    <t>The maximum number of times that a TB can be transmitted using the resources provided by the configured grant. Configured per priority per configured grant.</t>
    <phoneticPr fontId="10"/>
  </si>
  <si>
    <t>[Per resource pool]</t>
    <phoneticPr fontId="13" type="noConversion"/>
  </si>
  <si>
    <t>candidatePSFCHresource</t>
    <phoneticPr fontId="10"/>
  </si>
  <si>
    <t>Indicates the number of PSFCH resources available for multiplexing HARQ-ACK information in a PSFCH transmission (see TS 38.213 clause 16.3)</t>
    <phoneticPr fontId="13" type="noConversion"/>
  </si>
  <si>
    <t xml:space="preserve">startSubCH, allocSubCH </t>
    <phoneticPr fontId="13" type="noConversion"/>
  </si>
  <si>
    <t xml:space="preserve">Agreement made in RAN1#100e:
• One of the following two options is (pre-)configured per resource pool.
o Option 1: The set of PRBs for the candidate PSFCH resource is determined by the starting sub-channel and slot used for that PSSCH.
o Option 2: The set of PRBs for the candidate PSFCH resource is determined by the sub-channel(s) and slot used for that PSSCH.
</t>
    <phoneticPr fontId="10"/>
  </si>
  <si>
    <r>
      <t xml:space="preserve">RB level offset introduced from the first RB of the first 6RB group to the first PRB of BWP
</t>
    </r>
    <r>
      <rPr>
        <sz val="8"/>
        <color rgb="FF0000FF"/>
        <rFont val="Arial"/>
        <family val="2"/>
      </rPr>
      <t>Agreement at RAN1#100-e:
	If CORESET p is not configured with rb-offset, and is not associated with any search space set configured withfreqMonitorLocation-r16,
	The bits of the 45-bit bitmap frequencyDomainResources of the CORESET p have a one-to-one mapping with non-overlapping groups of 6 consecutive PRBs, in ascending order of the PRB index in the DL BWP with the starting common RB position N^start_BWP, where the first common RB of the first group of 6 consecutive RBs has common RB index 6*ceil(N^start_BWP/6), i.e., same as in Rel-15.
	If CORESET p is not configured with rb-offset, and is associated with at least one search space set configured with freqMonitorLocation-r16,
	The bits of the first A bits of the 45-bit bitmap frequencyDomainResources of the CORESET p have a one-to-one mapping with non-overlapping groups of 6 consecutive PRBs, in ascending order of the PRB index in the DL BWP with the starting common RB position N^start_BWP , where the first common RB of the first group of 6 consecutive RBs has common RB index N^start_BWP + rb-Offset, where the UE assumes the default value rb-Offset = 0.
	If CORESET p is configured with rb-offset, and is not associated with any search space set configured withfreqMonitorLocation-r16,
	The bits of the 45-bit bitmap frequencyDomainResources of the CORESET p have a one-to-one mapping with non-overlapping groups of 6 consecutive PRBs, in ascending order of the PRB index in the DL BWP with the starting common RB position N^start_BWP , where the first common RB of the first group of 6 consecutive RBs has common RB index N^start_BWP+"rb-Offset" .
	If CORESET p is configured with rb-offset, and is associated with at least one search space set configured with freqMonitorLocation-r16,
	The bits of the first A bits of the 45-bit bitmap frequencyDomainResources of the CORESET p have a one-to-one mapping with non-overlapping groups of 6 consecutive PRBs, in ascending order of the PRB index in the DL BWP with the starting common RB position N^start_BWP , where the first common RB of the first group of 6 consecutive RBs has common RB index N^start_BWP+"rb-Offset" .
	Note: A bits in above bullets is defined as floor({the number of available PRBs in the first RB set (accounting for rb-Offset) for the BWP}/6), as per previous agreement.
	TS 38.213 editor to implement this agreement</t>
    </r>
    <phoneticPr fontId="10"/>
  </si>
  <si>
    <t>indicates the UL maximum power P_MCG or P_SCG
Note: P_MCG is for target MCG. P_SCG is for source MCG.</t>
    <phoneticPr fontId="10"/>
  </si>
  <si>
    <t>Resource allocation Mode 1</t>
    <phoneticPr fontId="10"/>
  </si>
  <si>
    <t>[1..16]</t>
    <phoneticPr fontId="10"/>
  </si>
  <si>
    <t>Resource pool</t>
    <phoneticPr fontId="10"/>
  </si>
  <si>
    <t>[1..12]</t>
    <phoneticPr fontId="13" type="noConversion"/>
  </si>
  <si>
    <t>candidatePSFCHresourceType</t>
    <phoneticPr fontId="10"/>
  </si>
  <si>
    <t xml:space="preserve">[crs-RateMatch-PerCORESETPoolIndex] </t>
  </si>
  <si>
    <t>[1]– maxSizeDCI_2-6
Note: maxSizeDCI_2-6 = 140
FFS:0</t>
  </si>
  <si>
    <t>SizeDCI_2-6</t>
  </si>
  <si>
    <r>
      <rPr>
        <strike/>
        <sz val="8"/>
        <rFont val="Arial"/>
        <family val="2"/>
      </rPr>
      <t>[</t>
    </r>
    <r>
      <rPr>
        <sz val="8"/>
        <rFont val="Arial"/>
        <family val="2"/>
      </rPr>
      <t xml:space="preserve">Per cell-group </t>
    </r>
    <r>
      <rPr>
        <strike/>
        <sz val="8"/>
        <rFont val="Arial"/>
        <family val="2"/>
      </rPr>
      <t>or Per CSI Report Config]</t>
    </r>
  </si>
  <si>
    <t>Agreements made in RAN1#98bis:
• A slot is the time-domain granularity for resource pool configuration.
o To down-select:
 Alt 1. Slots for a resource pool is (pre-)configured with bitmap, which is applied with periodicity
 Alt 2. Slots for a resource pool is (pre-)configured, where the slots are applied with periodicity.
o FFS: signaling details
o FFS: how to apply the above bitmap signaling, e.g., to all slots or only to a set of slots
o FFS: symbols for sidelink in the slot, how to indicate for the case when not all symbols are for SL
• Support (pre-)configuration of a resource pool consisting of contiguous PRBs only
Agreements made in RAN1#100e:
• For resource pool configuration, slots for a resource pool is (pre-)configured with bitmap, which is applied with periodicity. 
• For derivation of the set of slots to be included in the resource pool, the baseline is the derivation with bitmap and periodicity based on Subclause 14.1.5 of TS36.213 with the following modifications.
- FFS:  Periodicity and L_bitmap value
- The slot index is relative to slot#0 of the radio frame corresponding to SFN 0 of the serving cell if serving cell timing reference is in use, or DFN 0 otherwise</t>
    <phoneticPr fontId="13" type="noConversion"/>
  </si>
  <si>
    <t>Agreement made in RAN1#99:
• The number of cyclic shift pairs used for a PSFCH transmission (denoted by Y) that can be multiplexed in a PRB is (pre-)configured per resource pool among {1, 2, 3, 4, 6}.
Agreements made in RAN1#100e
• For PSFCH resource indexing, following values of m0 is sequentially used. 
o m_0={0} for N_CS^PSFCH=1 
o m_0={0,3} for N_CS^PSFCH=2
o m_0={0,2,4}for N_CS^PSFCH=3
o m_0={0,1,2,3,4,5}for N_CS^PSFCH=6
o N_CS^PSFCH=4 is not supported</t>
    <phoneticPr fontId="13" type="noConversion"/>
  </si>
  <si>
    <t>Agreements made in RAN1 AH-1901:
• Long-term measurement of sidelink signal is supported at least for unicast.
o Long-term measurement here means a measurement with L3 filtering.
o This measurement is used at least for the open-loop power control.
* FFS for other purpose
o FFS: measurement metric
o FFS: which signal is used
o FFS: whether feedback of this measurement is needed
o FFS whether this is applicable to groupcast
Agreements made in RAN1#100e:
• For refrenceSignalPower in the SL pathloss calculation, TX UE uses L3-filtered TX power with the coefficients configured for L3-RSRP measurement.</t>
    <phoneticPr fontId="13" type="noConversion"/>
  </si>
  <si>
    <t>Agreements made in RAN1#98bis:
• The NR DCI field to indicate X provides an index to a table of values
o The table of values is configurable, and has 8 values
o The size of the DCI field is fixed at 3 bits
Agreements made in RAN1#99:
The supported values of X signaled in the DCI are:
• 0.75ms, 1ms, [1.25ms], [1.5ms], 2ms, 4ms, 5ms, 8ms, 10ms, 20 ms
o Additional value(s) can be discussed during the Feb. meeting
• Spare values are reserved for future deployments
Agreements made in RAN1#100e:
the set of possible values for X is: 0ms, 0.25ms, 0.5ms, 0.625ms, 0.75ms, 1ms, 1.25ms, 1.5ms,1.75ms, 2ms, 2.5ms, 3ms, 4ms, 5ms, 6ms, 8ms, 10ms, 20 ms</t>
    <phoneticPr fontId="13" type="noConversion"/>
  </si>
  <si>
    <t>Indicates the time resource location of sidelink configured grant type 1. An index giving valid combinations of up to two slot positions (jointly encoded) as time resource indicator (TRIV)</t>
    <phoneticPr fontId="10"/>
  </si>
  <si>
    <t>Indicates the starting sub-channel of sidelink configured grant type 1. An index giving valid sub-channel index</t>
    <phoneticPr fontId="13" type="noConversion"/>
  </si>
  <si>
    <t>Indicates the frequency resource location of sidelink configured grant type 1. An index giving valid combinations of one or two starting sub-channel and length (joinly encoded) as resource indicator (RIV)</t>
    <phoneticPr fontId="10"/>
  </si>
  <si>
    <t>sl-FeedbackToUL-ACK</t>
    <phoneticPr fontId="10"/>
  </si>
  <si>
    <t>Agreements made in RAN1#100bis-e:
• Higher layer signaling is used to configure the values of the PSFCH to PUCCH gap (NOTE: this is referred to as sl-FeedbackToUL-ACK in the following)
• The field PSFCH-to-HARQ_feedback timing indicator:
o Selects one of the configured values of the PSFCH to PUCCH gap, except in the case that, together with PUCCH resource indicator, it indicates that no PUCCH resource is provided.
o FFS Presence in DCI format 3_0 and size (0-3 bits).</t>
    <phoneticPr fontId="10"/>
  </si>
  <si>
    <t>Agreements made in RAN1#99
• On a per resource pool basis, when reservation of a sidelink resource for an initial transmission of a TB at least by an SCI associated with a different TB is enabled: 
o A period is additionally signalled in SCI and the same reservation is applied with respect to resources indicated within NMAX within window W at subsequent periods
o A set of possible period values is the following: 0, [1:99], 100, 200, 300, 400, 500, 600, 700, 800, 900, 1000 ms
 &lt;= 4 bits are used in SCI to indicate a period
 An actual set of values is (pre-)configured
Agreements made in RAN1#100e
• On a per resource pool basis, when reservation of a sidelink resource for an initial transmission of a TB at least by an SCI associated with a different TB is enabled: 
o A set of possible period values additionally includes all integer values from 1 to 99 ms</t>
    <phoneticPr fontId="10"/>
  </si>
  <si>
    <t>36.331, 38.331</t>
    <phoneticPr fontId="10"/>
  </si>
  <si>
    <t>Prioritization</t>
    <phoneticPr fontId="10"/>
  </si>
  <si>
    <t xml:space="preserve">sl-PriorityThresholdULURLLC </t>
    <phoneticPr fontId="10"/>
  </si>
  <si>
    <t xml:space="preserve">sl-PriorityThresholdPriorityOne </t>
    <phoneticPr fontId="10"/>
  </si>
  <si>
    <t>Indicates the threshold used to determine whether SL V2X transmission is prioritized over uplink transmission of priority index 1 if they overlap in time.</t>
    <phoneticPr fontId="10"/>
  </si>
  <si>
    <t>1,2,3,4,5,6,7,8,9</t>
    <phoneticPr fontId="10"/>
  </si>
  <si>
    <t xml:space="preserve">Agreements made in RAN1#100bis-e: 
For prioritization between PSFCH and UL TX,
• The priority of PSFCH TX is the highest priority of the associated PSCCH/PSSCH
• When the overlapping UL TX other than PUCCH carrying SL HARQ reporting,
o when UL TX is associated with a DCI indicating “high” in “priority field” or configured with “high priority” by higher layers (i.e., URLLC case)
 If SL-threshold for URLLC case is configured, LTE rule is used (i.e., UL TX is down-prioritized if the priority value of SL-TX is smaller than SL-threshold, otherwise prioritized)
 Otherwise, UL TX is prioritized
o Otherwise, LTE rule is used with another SL-threshold configured for non-URLLC case
o Additionally, PRACH and PUSCH scheduled by RAR UL grant are always prioritized.
Agreements made in RAN1#100bis-e: 
For prioritization between S-SSB and UL TX,
• The priority of S-SSB is equal to the (pre-)configured priority introduced for in-device coexistence.
o when UL TX is associated with a DCI indicating “high” in “priority field” or configured with “high priority” by higher layers (i.e., URLLC case)
 If SL-threshold for URLLC case is configured, LTE rule is used (i.e., UL TX is down-prioritized if the priority value of SL-TX is smaller than SL-threshold, otherwise prioritized)
 Otherwise, UL TX is prioritized
o Otherwise, LTE rule is used with another SL-threshold configured for non-URLLC case
o Additionally, PRACH and PUSCH scheduled by RAR UL grant are always prioritized.
</t>
    <phoneticPr fontId="10"/>
  </si>
  <si>
    <t>sl-PriorityThreshold</t>
    <phoneticPr fontId="10"/>
  </si>
  <si>
    <t>Indicates the threshold used to determine whether SL V2X transmission is prioritized over uplink transmission of priority index 0 if they overlap in time.</t>
    <phoneticPr fontId="10"/>
  </si>
  <si>
    <t>sl-xOverhead</t>
    <phoneticPr fontId="10"/>
  </si>
  <si>
    <t>Accounts for overhead from CSI-RS, PT-RS. If the field is absent, the UE applies value xOh0 (see TS 38.214 [19], clause 5.1.3.2).</t>
    <phoneticPr fontId="10"/>
  </si>
  <si>
    <t>Per resource pool</t>
    <phoneticPr fontId="10"/>
  </si>
  <si>
    <t xml:space="preserve">Agreements made in RAN1#100bis-e:
• For PSFCH overhead in the TBS determination, use the number of PSFCH symbols indicated by SCI.  
• For PSSCH DMRS overhead in the TBS determination, the reference  number of REs occupied by PSSCH DMRS is used, where the reference number of REs is the average number of DMRS REs among (pre-)configured patterns.
• For CSI-RS and PT-RS overheads in the TBS determination, a new higher layer parameter, e.g., sl-xOverhead, is introduced per resource pool.
</t>
    <phoneticPr fontId="10"/>
  </si>
  <si>
    <t>latencyBoundCsiReport-SL</t>
    <phoneticPr fontId="10"/>
  </si>
  <si>
    <t>Indicate the latency bound of SL CSI report from the associated SL CSI triggering in terms of number of slots.</t>
    <phoneticPr fontId="10"/>
  </si>
  <si>
    <t>Agreements made in [99-NR-03]:
Latency bound for Sidelink CSI Reporting MAC CE is configurable within a range of 3 – 20 ms, expressed in slots, where RAN1 will decide how the value is configured in the next meeting.
Agreements made in RAN1#100bis-e:
 The latency bound of SL CSI report is signaled from CSI triggering UE to CSI reporting UE via PC5-RRC.
 The CSI triggering UE determines the latency bound by its implementation.
 Send an LS to RAN2 to inform the agreement.</t>
    <phoneticPr fontId="10"/>
  </si>
  <si>
    <t>PUCCHConfigurationList</t>
    <phoneticPr fontId="10"/>
  </si>
  <si>
    <t>Agreements:
Support configurable number of bits (0 or 1 bit) for “Frequency hopping flag” in the new DCI format for UL scheduling for Rel-16 URLLC. 
• New RRC parameter is introduced to configure frequency hopping, and the number of bits is determined as the same way in Rel-15   
Agreements:
For PUSCH repetition type B, support the following frequency hopping:
• Inter-PUSCH-repetition FH
o Details FFS
• Inter-slot FH
• FFS Intra-PUSCH-repetition FH
Agreements:
For PUSCH repetition Type B, intra-PUSCH-repetition frequency hopping is not supported.</t>
  </si>
  <si>
    <t>Agreements
Introduce a new RRC parameter frequencyHopping-ForDCIFormat0_1.
• This parameter can only be configured when PUSCHRepTypeIndicator-ForDCIFormat0_1 is set to ‘pusch-RepTypeB’.
Agreements:
For PUSCH repetition type B, support the following frequency hopping:
• Inter-PUSCH-repetition FH
o Details FFS
• Inter-slot FH
• FFS Intra-PUSCH-repetition FH
Agreement:
For PUSCH repetition Type B, intra-PUSCH-repetition frequency hopping is not supported.</t>
  </si>
  <si>
    <t xml:space="preserve">Agreements:
For PUSCH repetition type A and type B, the number of bits to indicate numberofrepetitions is 3. 
• {1, 2, [3], 4, [6], 7, [8], 12, 16} are supported.
• FFS whether to have a limit on the number of nominal repetitions in a slot
Agreements:
The column on the number of repetitions numberofrepetitions is always present in PUSCH-TimeDomainResourceAllocationList-ForDCIformat0_1 and PUSCH-TimeDomainResourceAllocationList-ForDCIformat0_2.
• For DG with PUSCH repetition type A, if numberofrepetitions is present in the corresponding TDRA table, the number of repetitions is given by numberofrepetitions. Elseif the UE is configured with pusch-AggregationFactor, the number of repetitions is given by pusch-AggregationFactor. Otherwise the number of repetitions is 1.
• For DG with PUSCH repetition type B, the number of repetitions is given by numberofrepetitions.
o Note that pusch-TimeDomainAllocationList-ForDCIformat0_1/2 needs to be configured for PUSCH repetition type B.
Agreements:
For numberofrepetitions for PUSCH repetition type A and type B, {3, 8} are additionally supported. That is, {1, 2, 3, 4, 7, 8, 12, 16} are supported for numberofrepetitions. </t>
  </si>
  <si>
    <t xml:space="preserve">Agreements:
For how to indicate S and L in the TDRA table for PUSCH repetition type B, S and L are separately indicated (4-bit for S and 4-bit for L).
- S is from 0 and [13], L is from [1] to 14.
o Note: The additional restrictions for a particular waveform and/or DMRS mapping type from R15 are still applicable
Agreements:
For PUSCH repetition Type B, S is from 0 to 13, and L is from 1 to 14
</t>
  </si>
  <si>
    <r>
      <t>rrc-ConfiguredUplinkGrant</t>
    </r>
    <r>
      <rPr>
        <sz val="10"/>
        <color theme="1"/>
        <rFont val="CG Times (WN)"/>
        <family val="1"/>
      </rPr>
      <t xml:space="preserve"> </t>
    </r>
  </si>
  <si>
    <t xml:space="preserve">Agreements:
For Type 1 CG with PUSCH repetition type B, introduce a new RRC parameter frequencyHopping-PUSCHRepTypeB per CG configuration to indicate the frequency hopping scheme, and reuse Rel-15 parameter frequencyHoppingOffset to determine the frequency locations.
- For Type 1 CG with PUSCH repetition type B, if frequencyHopping-PUSCHRepTypeB is not configured, frequency hopping is not enabled.
Agreement:
For PUSCH repetition Type B, intra-PUSCH-repetition frequency hopping is not supported.
Agreements:
For Type 2 CG PUSCH activated by a DCI format configured with PUSCH repetition Type B, the frequency hopping enabling/disabling and the frequency offset follows the indication in the activation DCI, and the frequency hopping scheme follows the corresponding RRC parameter for the activation DCI format. </t>
  </si>
  <si>
    <r>
      <rPr>
        <u/>
        <sz val="8"/>
        <rFont val="Arial"/>
        <family val="2"/>
      </rPr>
      <t>RAN1 #97 Agreements:</t>
    </r>
    <r>
      <rPr>
        <sz val="8"/>
        <rFont val="Arial"/>
        <family val="2"/>
      </rPr>
      <t xml:space="preserve">
For the semi-static DU resource configuration, the following is supported:
• The resources are configured on a per DU (cell) basis
• Indication of D/U/F resources in the semi-static DU resource configuration includes the following:
   o The flexibility to configure all of the slot patterns and formats supported by the existing Rel-15 TDD-UL-DL-Config RRC configurations and slot format table defined in Table 11.1.1-1 in TS38.213
   o New slot formats defined only for IAB nodes (DU and MTs) which begin with uplink slots, uplink symbols, or flexible symbols.
       - Note: usage of these slot formats should be compatible with Rel-15 access UEs sharing the same link
</t>
    </r>
    <r>
      <rPr>
        <u/>
        <sz val="8"/>
        <rFont val="Arial"/>
        <family val="2"/>
      </rPr>
      <t>RAN1 #98 Agreements:</t>
    </r>
    <r>
      <rPr>
        <sz val="8"/>
        <rFont val="Arial"/>
        <family val="2"/>
      </rPr>
      <t xml:space="preserve">
• In Rel-16 for IAB backhaul, only existing slot pattern durations are supported.
• Slot formats with the sequence order UL-Flexible-DL are supported for IAB-node DU resource configurations (F1-AP) and IAB-node MT resource configurations provided in dedicated RRC signaling (e.g. enhancements to the existing TDD-UL-DL-SlotConfig in TDD-UL-DL-ConfigDedicated – details up to RAN2).
</t>
    </r>
    <r>
      <rPr>
        <u/>
        <sz val="8"/>
        <rFont val="Arial"/>
        <family val="2"/>
      </rPr>
      <t>RAN1 #99 Conclusion:</t>
    </r>
    <r>
      <rPr>
        <sz val="8"/>
        <rFont val="Arial"/>
        <family val="2"/>
      </rPr>
      <t xml:space="preserve">
It is clarified that the IAB-DU-Resource-Configuration-TDD-Config has a periodicity of:
ENUMERATED {ms0p5, ms0p625, ms1, ms1p25, ms2, ms2p5, ms5, ms10}
</t>
    </r>
    <r>
      <rPr>
        <u/>
        <sz val="8"/>
        <color rgb="FF00B0F0"/>
        <rFont val="Arial"/>
        <family val="2"/>
      </rPr>
      <t xml:space="preserve">RAN1 #100bis-e Agreements:
</t>
    </r>
    <r>
      <rPr>
        <sz val="8"/>
        <color rgb="FF00B0F0"/>
        <rFont val="Arial"/>
        <family val="2"/>
      </rPr>
      <t>For paired spectrum, the DU resource configuration framework is extended with the following:
Two separate per-cell D/U/F and H/S/NA configurations are provided for DL and UL respectively.
Whether this signalling is supported in Rel-16 is up to RAN3 and no additional specification impact is considered in RAN1 in Rel-16 for IAB operation in paired spectrum.</t>
    </r>
    <r>
      <rPr>
        <sz val="8"/>
        <rFont val="Arial"/>
        <family val="2"/>
      </rPr>
      <t xml:space="preserve">
Requires intra/inter CU coordination: Yes</t>
    </r>
  </si>
  <si>
    <r>
      <t xml:space="preserve">Child-IAB-DU-Resource-Configuration-TDD-Config (final name in specification to be determined by RAN2/3)
</t>
    </r>
    <r>
      <rPr>
        <sz val="8"/>
        <color rgb="FF00B0F0"/>
        <rFont val="Arial"/>
        <family val="2"/>
      </rPr>
      <t>Two separate configurations needed in case of paired spectrum.</t>
    </r>
  </si>
  <si>
    <r>
      <rPr>
        <u/>
        <sz val="8"/>
        <rFont val="Arial"/>
        <family val="2"/>
      </rPr>
      <t>RAN1 #96bis Agreements</t>
    </r>
    <r>
      <rPr>
        <sz val="8"/>
        <rFont val="Arial"/>
        <family val="2"/>
      </rPr>
      <t xml:space="preserve">: 
An IAB node has the ability to be made aware of the semi-static DU resource configuration (D/U/F/H/S/NA) of all its child IAB nodes.
•	in the case the full DU resource configuration information of its child IAB nodes is not necessary, ensure that only the necessary configuration information is signaled to the IAB node.
FFS the necessary configuration information.
</t>
    </r>
    <r>
      <rPr>
        <u/>
        <sz val="8"/>
        <rFont val="Arial"/>
        <family val="2"/>
      </rPr>
      <t>RAN1 #99 Agreements:</t>
    </r>
    <r>
      <rPr>
        <sz val="8"/>
        <rFont val="Arial"/>
        <family val="2"/>
      </rPr>
      <t xml:space="preserve">
A parent IAB node/donor can be provided with the full D/U/F + H/S/NA resource configuration of each child IAB-DU. 
Note: the new parameter for the signalling is already endorsed; the above agreements provide additional details for the signalling
No additional signaling optimization is required from a RAN1 perspective
</t>
    </r>
    <r>
      <rPr>
        <u/>
        <sz val="8"/>
        <color rgb="FF00B0F0"/>
        <rFont val="Arial"/>
        <family val="2"/>
      </rPr>
      <t>RAN1 #100bis-e Agreements:</t>
    </r>
    <r>
      <rPr>
        <sz val="8"/>
        <color rgb="FF00B0F0"/>
        <rFont val="Arial"/>
        <family val="2"/>
      </rPr>
      <t xml:space="preserve">
For paired spectrum, the DU resource configuration framework is extended with the following:
Two separate per-cell D/U/F and H/S/NA configurations are provided for DL and UL respectively.
Whether this signalling is supported in Rel-16 is up to RAN3 and no additional specification impact is considered in RAN1 in Rel-16 for IAB operation in paired spectrum.</t>
    </r>
    <r>
      <rPr>
        <sz val="8"/>
        <rFont val="Arial"/>
        <family val="2"/>
      </rPr>
      <t xml:space="preserve">
Requires intra/inter CU coordination: Yes</t>
    </r>
  </si>
  <si>
    <r>
      <rPr>
        <u/>
        <sz val="8"/>
        <rFont val="Arial"/>
        <family val="2"/>
      </rPr>
      <t>RAN1 #99 Agreements:</t>
    </r>
    <r>
      <rPr>
        <sz val="8"/>
        <rFont val="Arial"/>
        <family val="2"/>
      </rPr>
      <t xml:space="preserve">
A parent IAB node/donor can be provided with cell-specific signals/channels configurations of each child IAB-DU. How/whether to use the information to handle any potential conflict at the parent IAB node/donor is left to network implementation 
The list of cell-specific signals/channels includes:
- resources for SSB transmission at DU, including both CD-SSB and non-CD-SSB;
- configured RACH occasions for receiving at the DU
- periodic CSI-RS transmission at the DU
- scheduled resource for receiving SR at DU
</t>
    </r>
    <r>
      <rPr>
        <u/>
        <sz val="8"/>
        <rFont val="Arial"/>
        <family val="2"/>
      </rPr>
      <t xml:space="preserve">RAN1 #100-e Agreements:
</t>
    </r>
    <r>
      <rPr>
        <sz val="8"/>
        <rFont val="Arial"/>
        <family val="2"/>
      </rPr>
      <t>Send an updated parameter list to RAN3 and recommend the inclusion of pdcchConfigSIB1 and subCarrierSpacingCommon as part of Child-IAB-DU-Resource-Configuration-CellSpecificSignalsChannels-Config.
Requires intra/inter CU coordination: FFS</t>
    </r>
  </si>
  <si>
    <t>Resources for SSB transmission at Child IAB-DU, including both CD-SSB and non-CD-SSB;
Configured RACH occasions for receiving at the Child IAB-DU
Periodic CSI-RS transmission at the Child IAB-DU
Scheduled resource for receiving SR at Child IAB-DU
As outcome of RAN1 #100-e, RAN1 recommends the inclusion of pdcchConfigSIB1 and subCarrierSpacingCommon as part of this parameter.</t>
  </si>
  <si>
    <r>
      <t xml:space="preserve">IAB-DU-Resource-Configuration-H/S/NA-Config (final name in specification to be determined by RAN2/3)
</t>
    </r>
    <r>
      <rPr>
        <sz val="8"/>
        <color rgb="FF00B0F0"/>
        <rFont val="Arial"/>
        <family val="2"/>
      </rPr>
      <t>Two separate configurations needed in case of paired spectrum.</t>
    </r>
  </si>
  <si>
    <r>
      <t xml:space="preserve">Child-IAB-DU-Resource-Configuration-H/S/A-Config (final name in specification to be determined by RAN2/3)
</t>
    </r>
    <r>
      <rPr>
        <sz val="8"/>
        <color rgb="FF00B0F0"/>
        <rFont val="Arial"/>
        <family val="2"/>
      </rPr>
      <t>Two separate configurations needed in case of paired spectrum.</t>
    </r>
  </si>
  <si>
    <r>
      <rPr>
        <u/>
        <sz val="8"/>
        <rFont val="Arial"/>
        <family val="2"/>
      </rPr>
      <t>RAN1 #96bis Agreements</t>
    </r>
    <r>
      <rPr>
        <sz val="8"/>
        <rFont val="Arial"/>
        <family val="2"/>
      </rPr>
      <t xml:space="preserve">: 
An IAB node has the ability to be made aware of the semi-static DU resource configuration (D/U/F/H/S/NA) of all its child IAB nodes.
•	in the case the full DU resource configuration information of its child IAB nodes is not necessary, ensure that only the necessary configuration information is signaled to the IAB node.
FFS the necessary configuration information.
</t>
    </r>
    <r>
      <rPr>
        <u/>
        <sz val="8"/>
        <rFont val="Arial"/>
        <family val="2"/>
      </rPr>
      <t>RAN1 #99 Agreements:</t>
    </r>
    <r>
      <rPr>
        <sz val="8"/>
        <rFont val="Arial"/>
        <family val="2"/>
      </rPr>
      <t xml:space="preserve">
A parent IAB node/donor can be provided with the full D/U/F + H/S/NA resource configuration of each child IAB-DU. 
Note: the new parameter for the signalling is already endorsed; the above agreements provide additional details for the signalling
No additional signaling optimization is required from a RAN1 perspective
</t>
    </r>
    <r>
      <rPr>
        <u/>
        <sz val="8"/>
        <color rgb="FF00B0F0"/>
        <rFont val="Arial"/>
        <family val="2"/>
      </rPr>
      <t xml:space="preserve">RAN1 #100bis-e Agreements:
</t>
    </r>
    <r>
      <rPr>
        <sz val="8"/>
        <color rgb="FF00B0F0"/>
        <rFont val="Arial"/>
        <family val="2"/>
      </rPr>
      <t xml:space="preserve">For paired spectrum, the DU resource configuration framework is extended with the following:
Two separate per-cell D/U/F and H/S/NA configurations are provided for DL and UL respectively.
Whether this signalling is supported in Rel-16 is up to RAN3 and no additional specification impact is considered in RAN1 in Rel-16 for IAB operation in paired spectrum.
</t>
    </r>
    <r>
      <rPr>
        <sz val="8"/>
        <rFont val="Arial"/>
        <family val="2"/>
      </rPr>
      <t xml:space="preserve">
Requires intra/inter CU coordination: Yes</t>
    </r>
  </si>
  <si>
    <r>
      <rPr>
        <u/>
        <sz val="8"/>
        <rFont val="Arial"/>
        <family val="2"/>
      </rPr>
      <t>RAN1 #98 Agreements</t>
    </r>
    <r>
      <rPr>
        <sz val="8"/>
        <rFont val="Arial"/>
        <family val="2"/>
      </rPr>
      <t xml:space="preserve">:
H/S/NA is applied/determined relative to the DU resource configuration (D/U/F) slot timing without considering the MT resource configuration or timing.
The H/S/NA attributes for the per-cell DU resource configuration should take into account the associated MT carrier frequency(ies).
</t>
    </r>
    <r>
      <rPr>
        <u/>
        <sz val="8"/>
        <rFont val="Arial"/>
        <family val="2"/>
      </rPr>
      <t>RAN1 #98bis Agreements</t>
    </r>
    <r>
      <rPr>
        <sz val="8"/>
        <rFont val="Arial"/>
        <family val="2"/>
      </rPr>
      <t xml:space="preserve">:
H/S/NA attributes for the per-cell DU resource configuration are explicitly indicated per-resource type (D/U/F) in each slot.
</t>
    </r>
    <r>
      <rPr>
        <u/>
        <sz val="8"/>
        <rFont val="Arial"/>
        <family val="2"/>
      </rPr>
      <t>RAN1 #99 Agreements:</t>
    </r>
    <r>
      <rPr>
        <sz val="8"/>
        <rFont val="Arial"/>
        <family val="2"/>
      </rPr>
      <t xml:space="preserve">
The IAB-DU-Resource-Configuration-H/S/NA-Config has a periodicity of:
ENUMERATED {ms0p5, ms0p625, ms1, ms1p25, ms2, ms2p5, ms5, ms10, ms20, ms40, ms80, ms160}
</t>
    </r>
    <r>
      <rPr>
        <u/>
        <sz val="8"/>
        <color rgb="FF00B0F0"/>
        <rFont val="Arial"/>
        <family val="2"/>
      </rPr>
      <t>RAN1 #100bis-e Agreements:</t>
    </r>
    <r>
      <rPr>
        <sz val="8"/>
        <color rgb="FF00B0F0"/>
        <rFont val="Arial"/>
        <family val="2"/>
      </rPr>
      <t xml:space="preserve">
For paired spectrum, the DU resource configuration framework is extended with the following:
Two separate per-cell D/U/F and H/S/NA configurations are provided for DL and UL respectively.
Whether this signalling is supported in Rel-16 is up to RAN3 and no additional specification impact is considered in RAN1 in Rel-16 for IAB operation in paired spectrum.
</t>
    </r>
    <r>
      <rPr>
        <sz val="8"/>
        <rFont val="Arial"/>
        <family val="2"/>
      </rPr>
      <t xml:space="preserve">
Requires intra/inter CU coordination: Yes</t>
    </r>
  </si>
  <si>
    <r>
      <t>dci-Format2-</t>
    </r>
    <r>
      <rPr>
        <sz val="8"/>
        <color rgb="FF00B0F0"/>
        <rFont val="Arial"/>
        <family val="2"/>
      </rPr>
      <t>5</t>
    </r>
  </si>
  <si>
    <r>
      <rPr>
        <sz val="8"/>
        <color rgb="FF00B0F0"/>
        <rFont val="Arial"/>
        <family val="2"/>
      </rPr>
      <t>tdd</t>
    </r>
    <r>
      <rPr>
        <sz val="8"/>
        <rFont val="Arial"/>
        <family val="2"/>
      </rPr>
      <t>-UL-DL-Config</t>
    </r>
    <r>
      <rPr>
        <sz val="8"/>
        <color rgb="FF00B0F0"/>
        <rFont val="Arial"/>
        <family val="2"/>
      </rPr>
      <t>uration</t>
    </r>
    <r>
      <rPr>
        <sz val="8"/>
        <rFont val="Arial"/>
        <family val="2"/>
      </rPr>
      <t>Dedicated-IAB-MT</t>
    </r>
  </si>
  <si>
    <t>searchSpaceSwitchingDelay-r16</t>
  </si>
  <si>
    <t>Indicates the P value to be applied by a UE for Search Sapce Set Group Gwitching</t>
  </si>
  <si>
    <t>INTEGER (TBD)</t>
  </si>
  <si>
    <t>Agreement:
•	Define two capabilities of P values  
o	SSSG switching Capability-1: P=25 symbols for µ = 0/1/2 SCS
o	SSSG switching Capability-2: P=10/12/22 symbols for µ = 0/1/2 SCS
o	Introduce a UE capability to signal support of SSSG switching Capability-2 in addition to SSSG switching Capability-1
•	Introduce a RRC configuration parameter to indicate the P value to be applied by a UE for SSSG switching (no lower than the reported capability by the UE).
Seems that the capability-2 values can be the lower bound for the range. Upper bound not discussed, but may not need to be substantially larger than 25</t>
  </si>
  <si>
    <t xml:space="preserve">Applicable when ULtoDL-CO-SharingED-Threshold-r16 is not configured.
1 bit in CG-UCI will indicate the COT sharing is possible X symbols from the end of the slot where the indication is enabled.
Max value for X is 39 slots.
Agreement:
When ED threshold is not configured,
•	COT sharing indication: 1 bit indicating if slot/symbol  n+X is an applicable slot for UL to DL sharing). X is configured by the gNB as part of RRC configuration.
o	X is number of symbols from the end of the slot where the indication is enabled </t>
  </si>
  <si>
    <t>FFS: copy from LAA
measRSSI-ReportConfig-r16</t>
  </si>
  <si>
    <t>Agreement:
RAN1 recommends the following terminology to be used consistently across RAN1 (and RAN2/RAN4) specifications for operation with shared spectrum channel access:
•	“SS/PBCH block index” can be expressed as modulo(PBCH DMRS sequence index, Q) or modulo(Candidate SS/PBCH block index, Q)
o	Note: These two modulo operations yield the same result and which index should be applied depends on the specific scenario
o	Note: This is applicable for cases in the specification where “SS/PBCH block” instead of “SS/PBCH block index”
•	“Candidate SS/PBCH block index” within a DRS transmission window was previously agreed in RAN1
•	Include this agreement in an LS to RAN2/RAN4
Agreement:
The interpretation of ssb-PositionsInBurst in SIB1 or ServingCellConfigCommon is as follows:
•	A bit set to 1 at position k (indexing starts at 1) indicates SS/PBCH block index k-1.
•	The UE expects that a bit at position k &gt; Q is set to 0 
Further details on the use of the above terminology can be found on rows 16-19, 23 in R1-1913538</t>
  </si>
  <si>
    <t>For NR-U, only support coreset #0 SCS same as SSB SCS. subCarrierSpacingCommon, combined with [LSB of ssb-SubcarrierOffset or spare], is interpreted by the UE to provide the value of Q with possible values {1,2,4,8} for a serving cell, as described in TS 38.213</t>
  </si>
  <si>
    <t xml:space="preserve">Add in SlotFormatIndicator.
Provides position in DCI of the bit(s) indicating the availability of RB sets (corresponding to LBT bandwidths) of a serving cell with index servingCellId. A list of availableRB-SetsPerCell-r16 objects is configured for one or more serving cells. </t>
  </si>
  <si>
    <t>{positionInDCI, servingCellId }</t>
  </si>
  <si>
    <r>
      <t xml:space="preserve">Note: Each bit of the DCI field indicates the availability of RB sets with LSB being the lowest frequency RB set
Agreement:
Support bit field corresponding to available LBT bandwidths in GC-PDCCH (add a bitmap in the GC-PDCCH DCI)
</t>
    </r>
    <r>
      <rPr>
        <sz val="8"/>
        <color rgb="FF0000FF"/>
        <rFont val="Arial"/>
        <family val="2"/>
      </rPr>
      <t>Agreement at RAN1#100-e:
For indicating available RB sets, the gNB configures positionInDCI, servingCellId. The bitmap size corresponds to number of RB-sets on a carrier.</t>
    </r>
    <r>
      <rPr>
        <sz val="8"/>
        <rFont val="Arial"/>
        <family val="2"/>
      </rPr>
      <t xml:space="preserve">
</t>
    </r>
    <r>
      <rPr>
        <sz val="8"/>
        <color theme="1"/>
        <rFont val="Arial"/>
        <family val="2"/>
      </rPr>
      <t>Agreement at RAN1 #100b-e
For a DL cell without intra-cell guard bands
•	The bit-width of available RB-set indicator (if configured) in DCI format 2_0 is equal to 1</t>
    </r>
  </si>
  <si>
    <t>availableRB-SetPerCell-r16</t>
  </si>
  <si>
    <t xml:space="preserve">Add in SlotFormatIndicator. 
If configured, provides position in DCI of the bit field indicating Channal Occupancy duration for serving cell servingCellId.
A list of CO-DurationPerCell-r16 objects is configured for one or more serving cells. 
This parameter is optionally configured. If not configured, the UE uses SFI indication to determine the channel occupancy duration (if SFI is available).
</t>
  </si>
  <si>
    <t>{positionInDCI, servingCellId, CO-DurationList-r16, [subcarrierSpacing]}
FieldLength corresponds to the length of the list.
subCarrierSpacing is the reference SCS for CO-DurationList-r16 configuration</t>
  </si>
  <si>
    <t>{positionInDCI, servingCellId}</t>
  </si>
  <si>
    <r>
      <t>Add in SearchSpace.
If configured, it provides a list of search space group IDs to which the search space set is associated.
maxSearchSpaceGroup-r16 is 2</t>
    </r>
    <r>
      <rPr>
        <sz val="8"/>
        <color rgb="FF0000FF"/>
        <rFont val="Arial"/>
        <family val="2"/>
      </rPr>
      <t xml:space="preserve">
</t>
    </r>
    <r>
      <rPr>
        <strike/>
        <sz val="8"/>
        <color rgb="FF0000FF"/>
        <rFont val="Arial"/>
        <family val="2"/>
      </rPr>
      <t xml:space="preserve">
</t>
    </r>
    <r>
      <rPr>
        <sz val="8"/>
        <color rgb="FF0000FF"/>
        <rFont val="Arial"/>
        <family val="2"/>
      </rPr>
      <t xml:space="preserve">Agreement at RAN1#100-e:
For search space switching, limit the switching to USS and Type-3 CSS.
</t>
    </r>
    <r>
      <rPr>
        <sz val="8"/>
        <rFont val="Arial"/>
        <family val="2"/>
      </rPr>
      <t xml:space="preserve">
This IE is example to capture the following agreement. RAN2 can decide how to optimize the RRC signaling design. 
</t>
    </r>
    <r>
      <rPr>
        <u/>
        <sz val="8"/>
        <rFont val="Arial"/>
        <family val="2"/>
      </rPr>
      <t>Agreement</t>
    </r>
    <r>
      <rPr>
        <sz val="8"/>
        <rFont val="Arial"/>
        <family val="2"/>
      </rPr>
      <t>:
•	A UE can be provided with at least two groups (FFS: more than two groups) of search space sets for PDCCH. The UE can be configured to switch between the groups, indicated based on at least the following alternatives.
o	Alt 1: implicitly e.g. after detection of [FFS: DL burst, (WB-)DM-RS, GC-PDCCH and/or PDCCH] and/or e.g., based on information on COT structure.
o	Alt 2: explicitly in GC-PDCCH and/or PDCCH
•	Search space sets that are not part of the configured groups (e.g., a common search space set) will always be monitored by the UE regardless of the search space set indication
•	A single search space set can be part of more than one group.
•	It is up to RAN2 to optimize the signalling to minimize overhead.</t>
    </r>
  </si>
  <si>
    <t>{RBSetIndex,interlace0}</t>
  </si>
  <si>
    <t>NTEGER (0 .. 9) for 15KHz SCS
INTEGER (0 .. 4) for 30KHz SCS</t>
  </si>
  <si>
    <t>Added in PUCCH-format2 and PUCCH-format3.
For interlaced PUCCH format 2/3, interlace1 can be further configured  where (1) for 15kHz SCS, the possible values of Interlace1 shall satisfy interlace1=mod(interlace0+X,10) where X=1, -1, or 5, and (2) for 30kHz SCS, there are no configuration restrictions on the combinations of Interlace0 and Interlace1.
How to capture the above configuration restriction in RRC spec is up to RAN2.</t>
  </si>
  <si>
    <t>ChannelAccess-Config-r16</t>
  </si>
  <si>
    <t>Channel Access control for UE</t>
  </si>
  <si>
    <t>{-85,…,-52}</t>
  </si>
  <si>
    <t xml:space="preserve">Add in ChannelAccess-Config-r16. This is not discussed in RAN1, but copied from LTE-LAA, assuming it is needed. </t>
  </si>
  <si>
    <r>
      <t>Add in ChannelAccess-Config-Config-r16. This is not discussed in RAN1, but copied from LTE-LAA, assuming it is needed.</t>
    </r>
    <r>
      <rPr>
        <sz val="8"/>
        <color rgb="FF0000FF"/>
        <rFont val="Arial"/>
        <family val="2"/>
      </rPr>
      <t xml:space="preserve"> </t>
    </r>
  </si>
  <si>
    <t>INTEGER(-85..-52)</t>
  </si>
  <si>
    <t xml:space="preserve">Add in ChannelAccess-Config-r16. Maximum ED threshold the UE should use to share channel occupancy with gNB for DL transmission with length longer than 2/4/8 OFDM symbols at 15/30/60KHz SCS </t>
  </si>
  <si>
    <t>ChannelAccessMode-r16</t>
  </si>
  <si>
    <t xml:space="preserve">
Add in SIB1 and ServingCellConfigCommon
If the field is configured as “semistatic”, the channel access procedures for semi-static channel occupancy as described in subclause 4.3 in TS 37.213 are applied. Otherwise, if the field is configured as  “dynamic” or if the field is absent, the channel access procedures  in TS 37.213, with exception of  subclause 4.3 of TS 37.213, are applied.</t>
  </si>
  <si>
    <r>
      <t>Added in semiStaticChanneAccessConfig-r16. The period of the channel access procedures with semi-static channel occupancy as described in subclause 4.3 in TS 37.213</t>
    </r>
    <r>
      <rPr>
        <strike/>
        <sz val="8"/>
        <rFont val="Arial"/>
        <family val="2"/>
      </rPr>
      <t xml:space="preserve"> </t>
    </r>
  </si>
  <si>
    <t>SEQUENCE (SIZE (1..64)) OF INTEGER (0..63)</t>
  </si>
  <si>
    <t xml:space="preserve">List of the combinations of CP extension, UL channel access type, and CAPC
(See TS 38.2XX, Clause Y.Y.Y) </t>
  </si>
  <si>
    <t>Add in BWP-UplinkCommon or BWP-UplinkDedicated</t>
  </si>
  <si>
    <t xml:space="preserve">useInterlacePUCCH-PUSCH </t>
  </si>
  <si>
    <t>The UE expects useInterlacePUCCH-PUSCH in BWP-UplinkCommon and in BWP-UplinkDedicated to be both configured as ‘enable’ or both not configured.
If configured as ‘enable’, frequencyHopping in PUSCH-Config should not be enabled, and intraSlotFrequencyHopping in PUCCH-Resource should not be “enable”.</t>
  </si>
  <si>
    <t>SEQUENCE (SIZE (1..16)) OF INTEGER (0..15)</t>
  </si>
  <si>
    <t>List of the combinations of CP extension and UL channel access type (See TS 38.2XX, Clause Y.Y.Y).</t>
  </si>
  <si>
    <t>Add it somewhere (FFS) to capture the following agreement
Agreement:
For RRM measurements of a neighbor cell in IDLE, INACTIVE and CONNECTED UE states,
•	Support signaling of a common Q value per frequency by broadcast RRC signaling (SIBx) and/or dedicated RRC signaling (measObjectNR) from the serving cell.
•	Support signaling from the serving cell of a Q value for a listed neighbour cell. 
If Q is signaled for a listed cell, it overrides any common Q value per frequency  
Agreeement:
The Q value signalled in MIB for a serving cell is also used for RRM measurements on the serving cell.
A serving cell can indicate Q via dedicated RRC signaling (e.g., for SCell or SCG addition).</t>
  </si>
  <si>
    <t>{rmtc-Period-r16, rmtc-SubframeOffset-r16, measDuration-r16, rmtc-measARFCN-r16}</t>
  </si>
  <si>
    <t>DiscoveryBurst-WindowLength-r16</t>
  </si>
  <si>
    <t>{0.5ms,1ms,2ms,3ms,4ms,5ms}</t>
  </si>
  <si>
    <t>Rel.15 allows values from 0 to 15. In Rel.16, add a “non-numerical value” to support the case where the A/N feedback timing is not explicitly included at the time of scheduling PDSCH. 
FFS whether non-numerical value may operate with R15 Type1 HARQ-ACK codebook</t>
  </si>
  <si>
    <t>pusch-MultiPUSCH-r16</t>
  </si>
  <si>
    <t xml:space="preserve">Can be configured when pdsch-HARQ-ACK-Codebook is semiStatic or dynamic or enhancedDynamic-r16. </t>
  </si>
  <si>
    <t>Agreement:
•	The TDRA table configuration allows indicating single or multiple continuous PUSCHs in any slot of the multiple scheduled slots
•	For signaling the number of scheduled PUSCHs and TDRA in one DCI format 0_1 scheduling multiple PUSCHs, the TDRA table is extended such that each row indicates multiple PUSCHs (continuous in time-domain)
-	Each PUSCH has a separate SLIV and mapping type. The number of scheduled PUSCHs is signalled by the number of indicated valid SLIVs in the row of the TDRA table signalled in DCI.
•	Note: For the fallback DCI, Rel-15 TDRA table is used</t>
  </si>
  <si>
    <r>
      <t>Needs to be enhanced to support multi-PUSCH UL grant.</t>
    </r>
    <r>
      <rPr>
        <strike/>
        <sz val="8"/>
        <rFont val="Arial"/>
        <family val="2"/>
      </rPr>
      <t xml:space="preserve"> </t>
    </r>
  </si>
  <si>
    <t>Introduce this in ConfiguredGrantConfig. Number of allocated slots in a configured grant periodicity following the time instance of configured grant offset.</t>
  </si>
  <si>
    <t>intraCellGuardBandDL-r16</t>
  </si>
  <si>
    <t xml:space="preserve">Per cell </t>
  </si>
  <si>
    <t>Add in SearchSpace</t>
  </si>
  <si>
    <t>Bitmap of length X, X is the maximum of number of RB sets ([5]). LSB corresponds to lowest RB set in the BWP. 
1 implies a frequency domain resource allocation replicated from the pattern configured in the associated CORESET is mapped to the RB set</t>
  </si>
  <si>
    <t>Agreements:
Support configurable number of bits for the following fields for DL DCI format scheduling Rel-16 URLLC.
• Carrier indicator (0 bit or at least one non-zero bit)
• PRB bundling size indicator (0 or 1 bit)
• Rate matching indicator (0, 1 or 2 bits)
• ZP CSI-RS trigger (0, 1 or 2 bits)
Agreements:
• Support configurable number of bits (0 or 1 or 2 or 3 bits) for “Carrier indicator” for the new DCI formats scheduling Rel-16 URLLC.
• The number of bits for “carrier indicator” in the new DCI format for DL scheduling and the new DCI format for UL scheduling can be separately configured.</t>
    <phoneticPr fontId="13" type="noConversion"/>
  </si>
  <si>
    <t>38.212, 38.214</t>
    <phoneticPr fontId="10"/>
  </si>
  <si>
    <t>Section 7.3.1 for 38.212
Section 5.1.2.1 for 38.214</t>
    <phoneticPr fontId="10"/>
  </si>
  <si>
    <t>PDSCH-Config</t>
    <phoneticPr fontId="10"/>
  </si>
  <si>
    <t>pdsch-TimeDomainAllocationList-ForDCIFormat1_2</t>
    <phoneticPr fontId="10"/>
  </si>
  <si>
    <t>ue-Specific</t>
    <phoneticPr fontId="10"/>
  </si>
  <si>
    <t xml:space="preserve">dci-Formats-Rel16 </t>
    <phoneticPr fontId="10"/>
  </si>
  <si>
    <t>{formats0-0-And-1-0, formats0-1-And-1-1, formats0-2-And-1-2, formats0-1-And-1-1-And-0-2-And-1-2}</t>
    <phoneticPr fontId="10"/>
  </si>
  <si>
    <t>ResourceAllocationType1-granularity-ForDCIFormat1_2</t>
    <phoneticPr fontId="10"/>
  </si>
  <si>
    <t>• For resource allocation type 1 for frequency domain resource assignment for the DCI format scheduling Rel-16 URLLC, support the following modification compared to Rel-15: 
o A single configurable scheduling granularity applicable for both the starting point and length indication. 
 A new RRC parameter to configure the scheduling granularity
Agreements:
For resource allocation type 1 for frequency domain resource assignment for the new DCI formats scheduling Rel-16 URLLC, the possible configurable values for the scheduling granularity for starting point and length indication is {2, 4, 8, 16}. 
• If not configured, the granularity is 1 PRB. 
• FFS other possible values</t>
    <phoneticPr fontId="10"/>
  </si>
  <si>
    <t xml:space="preserve">• For resource allocation type 1 for frequency domain resource assignment for the DCI format scheduling Rel-16 URLLC, support the following modification compared to Rel-15: 
o A single configurable scheduling granularity applicable for both the starting point and length indication. 
 A new RRC parameter to configure the scheduling granularity
Agreements:
For resource allocation type 1 for frequency domain resource assignment for the new DCI formats scheduling Rel-16 URLLC, the possible configurable values for the scheduling granularity for starting point and length indication is {2, 4, 8, 16}. 
• If not configured, the granularity is 1 PRB. 
• FFS other possible values
Agreement (RRC impact)
For frequency domain resource assignment for the new DCI format 0_2/1_2, resource allocation type 0 is supported without any change from Rel-15
o Support dynamic switching between resource allocation type 0 and type 1 
</t>
    <phoneticPr fontId="10"/>
  </si>
  <si>
    <t>PUCCH-Config</t>
    <phoneticPr fontId="10"/>
  </si>
  <si>
    <t>Configure the search space for UL cancellation under searchSpaceType</t>
    <phoneticPr fontId="10"/>
  </si>
  <si>
    <t>{nrofCandidates-CI}</t>
    <phoneticPr fontId="10"/>
  </si>
  <si>
    <t>Agreements:
• Support at least group common DCI for cancelation indication
o FFS whether or not to additionally support UE-specific DCI for cancelation indication
Agreements:
• Reuse the existing methods for search space configuration to support UL CI monitoring
o FFS possible restrictions
o Note: this means both symbol level and slot level monitoring periodicities are possible from specification perspective
Agreements:
• Regarding UL CI monitoring, support the following:
o A new RNTI (e.g. CI-RNTI) is used for UL CI
o FFS: Monitoring periodicity larger than [5] slot is not supported for UL CI
o The aggregation level(s) and the number of PDCCH candidates configured by RRC 
• FFS possible restrictions, e.g., the ones associated with SFI
o The DCI payload size for UL CI  is configured by RRC
• FFS possible values</t>
    <phoneticPr fontId="10"/>
  </si>
  <si>
    <t>Configuredgrantconfig-index</t>
    <phoneticPr fontId="10"/>
  </si>
  <si>
    <t>ConfiguredGrantConfigList-r16</t>
    <phoneticPr fontId="10"/>
  </si>
  <si>
    <t>configuredGrantConfigToAddModList-r16</t>
    <phoneticPr fontId="10"/>
  </si>
  <si>
    <t>1..12 of ConfiguredGrantConfig</t>
    <phoneticPr fontId="10"/>
  </si>
  <si>
    <t>Agreements:
• Support separate RRC parameters for different configured grant configurations (for both type 1 and type 2 configured grants) for a given BWP of a serving cell.
o FFS whether or not some parameters can be common among different configured grant configurations 
Agreements:
• For the maximum number of UL CG configurations per BWP of a serving cell:
o 12
NOTE1: RAN2 can make any change if needed from RRC parameter structure perspective. The latest version here  is updated to align with that in R2-1914762.</t>
    <phoneticPr fontId="10"/>
  </si>
  <si>
    <t>configuredGrantConfigType2DeactivationStateList-r16</t>
    <phoneticPr fontId="10"/>
  </si>
  <si>
    <t xml:space="preserve">Agreements:
• M&lt;=4 bits indication in the Release DCI is used for indicating which CG configuration(s) is/are released, where the association between each state indicated by the indication and the CG configuration(s) is
o Up to 2^M states are higher layer configurable, where each of the state can be mapped to a single or multiple CG configurations to be released
o In case of no higher layer configured state(s), separate release is used where the release corresponds to the CG configuration index indicated by the indication
Agreements:
M is determined by the bit length for HPN field for each DCI format for activation and release of Type 2 CG
NOTE: This parameter may belong to the IE "BWP-UplinkDedicated" or “ConfiguredGrantConfig”. We put it in bracket because companies think some different structure can be used, but it is up to RAN2. RAN2 can make any change if needed from RRC parameter structure perspective, e.g. combined with Type2Configuredgrantconfig-ReleaseState from reconfiguration perspective. The latest version here  is updated to align with that in R2-1914762. </t>
    <phoneticPr fontId="10"/>
  </si>
  <si>
    <t>ConfiguredGrantConfigType2DeactivationState-r16</t>
    <phoneticPr fontId="10"/>
  </si>
  <si>
    <t>Agreements:
• M&lt;=4 bits indication in the Release DCI is used for indicating which CG configuration(s) is/are released, where the association between each state indicated by the indication and the CG configuration(s) is
o Up to 2^M states are higher layer configurable, where each of the state can be mapped to a single or multiple CG configurations to be released
o In case of no higher layer configured state(s), separate release is used where the release corresponds to the CG configuration index indicated by the indication
NOTE1: We put it in bracket because companies think some different structure can be used, but it is up to RAN2. RAN2 can make any change if needed from RRC parameter structure perspective, e.g. whether this parameter needed or not. 
NOTE2: This parameter if exist may belong to the IE "BWP-UplinkDedicated". The latest version here  is updated to align with that in R2-1914762.</t>
    <phoneticPr fontId="10"/>
  </si>
  <si>
    <t>tci-PresentInDCI-ForDCIFormat1_2</t>
    <phoneticPr fontId="10"/>
  </si>
  <si>
    <t>Configure the number of bits for “Transmission configuration indication” in DCI format 1_2. When the field "tci-PresentInDCI-ForDCIFormat1_2" is absent in the IE, then 0 bit for "Transmission configuration indication" in DCI format 1_2.</t>
    <phoneticPr fontId="10"/>
  </si>
  <si>
    <t>1, 2, 3</t>
    <phoneticPr fontId="10"/>
  </si>
  <si>
    <t>Agreements:
For the new DCI format for DL scheduling for Rel-16 URLLC, support configurable number of bits for the following fields:
• Antenna port(s) (0 or 4/5/6 bits)
o New RRC configuration parameters are introduced for this configuration
• Transmission configuration indication (0 or 3 bits)
o FFS 1 or 2 bits
• SRS request (0 or 2 or 3 bits)
o FFS 1 bit
• DMRS sequence initialization (0 or 1 bit) 
Agreements:
Support additional 1 or 2 bits for “Transmission configuration indication” in DCI format 1_2 
• The candidate value of range for tci-PresentInDCI-ForDCIFormat1_2 is {1, 2, 3} 
• 0 bit for “Transmission configuration indication” in DCI format 1_2 if tci-PresentInDCI-ForDCIFormat1_2 is not configured
• Same RRC configuration on the TCI state list for DCI format 1_1 and DCI format 1_2
• Same TCI states for DCI format 1_1 and DCI format 1_2 are activated by MAC CE
• If 1 bit is configured, then the first two TCI states activated by MAC CE can be dynamically indicated by this 1 bit for single TRP
• If 2 bits is configured, then the first four TCI states activated by MAC CE can be dynamically indicated by this 2 bits for single TRP</t>
    <phoneticPr fontId="10"/>
  </si>
  <si>
    <t>SRSRequest-ForDCIFormat1_2</t>
    <phoneticPr fontId="10"/>
  </si>
  <si>
    <t xml:space="preserve">Indicate the number of bits for "SRS request"in DCI format 1_2. When the field "SRSRequest-ForDCIFormat1_2" is absent in the IE, then 0 bit for "SRS request" in DCI format 1_2.  When UE is configured with supplementaryUplink, an extra bit (the first bit of the SRS request field) is used for the non-SUL/SUL indication. </t>
    <phoneticPr fontId="10"/>
  </si>
  <si>
    <t>1, 2</t>
    <phoneticPr fontId="10"/>
  </si>
  <si>
    <t xml:space="preserve">Agreements:
For the new DCI format for DL scheduling for Rel-16 URLLC, support configurable number of bits for the following fields:
• Antenna port(s) (0 or 4/5/6 bits)
o New RRC configuration parameters are introduced for this configuration
• Transmission configuration indication (0 or 3 bits)
o FFS 1 or 2 bits
• SRS request (0 or 2 or 3 bits)
o FFS 1 bit
• DMRS sequence initialization (0 or 1 bit) 
Agreements:
Support new RRC configuration for “SRS request” in DCI format 1_2 
• Introduce new RRC parameters SRSRequest-ForDCIFormat1_2 with the candidate value {1, 2}. 
o If the RRC parameter SRSRequest-ForDCIFormat1_2 is not configured, then 0 bit for “SRS request” in DCI format 1_2. 
o If the parameter SRSRequest-ForDCIFormat1_2 is configured to value 1, 1 bit is used to indicate one of the first two rows of Table 7.3.1.1.2-24 in TS 38.212 for triggered aperiodic SRS resource set.
o  If the value 2 is configured, 2 bits are used to indicate one of the rows of Table 7.3.1.1.2-24 in TS 38.212 as in Rel-15.
• When UE is configured with supplementaryUplink, an extra bit (the first bit of the SRS request field) is used for the non-SUL/SUL indication. </t>
    <phoneticPr fontId="10"/>
  </si>
  <si>
    <t>As defined in section 6.3.2 in 38.331 for reportTriggerSize</t>
    <phoneticPr fontId="10"/>
  </si>
  <si>
    <t>dl-DataToUL-ACK-ForDCIFormat1_2</t>
    <phoneticPr fontId="10"/>
  </si>
  <si>
    <t>Configuration for DCI format 1_2, defined in the same way as in section 6.3.2 in 38.331 for dl-DataToUL-ACK</t>
    <phoneticPr fontId="10"/>
  </si>
  <si>
    <t>As defined in section 6.3.2 in 38.331 for dl-DataToUL-ACK</t>
    <phoneticPr fontId="10"/>
  </si>
  <si>
    <t>dynamic-ForDCIFormat0_2</t>
    <phoneticPr fontId="10"/>
  </si>
  <si>
    <t>As defined in section 6.3.2 in 38.331 for dynamic</t>
    <phoneticPr fontId="10"/>
  </si>
  <si>
    <t>{enabled}</t>
    <phoneticPr fontId="10"/>
  </si>
  <si>
    <t>frequencyHopping-ForDCIFormat0_2</t>
    <phoneticPr fontId="10"/>
  </si>
  <si>
    <t>Configuration of the frequency hopping scheme for DCI format 0_2</t>
    <phoneticPr fontId="10"/>
  </si>
  <si>
    <t>Frequency hopping is not enabled if the field is absent</t>
    <phoneticPr fontId="10"/>
  </si>
  <si>
    <t>frequencyHoppingOffsetLists-ForDCIFormat0_2</t>
    <phoneticPr fontId="10"/>
  </si>
  <si>
    <t>As defined in section 6.3.2 in 38.331 for frequencyHoppingOffsetLists</t>
    <phoneticPr fontId="10"/>
  </si>
  <si>
    <t>harq-CodebookID</t>
    <phoneticPr fontId="10"/>
  </si>
  <si>
    <t xml:space="preserve">Configuration for a SPS configuration indicating the HARQ-ACK codebook index for the corresponding HARQ-ACK codebook for SPS PDSCH and ACK for SPS PDSCH release </t>
    <phoneticPr fontId="10"/>
  </si>
  <si>
    <t>{1, 2}</t>
    <phoneticPr fontId="10"/>
  </si>
  <si>
    <t>Agreements:
o Support 2-level priority of HARQ-ACK for dynamically-scheduled PDSCH and SPS PDSCH (&amp; ACK for SPS PDSCH release) in R16. 
 Note: This does not preclude possibility of extending it in future releases.
o An explicit indication (as a new RRC parameter) in each SPS PDSCH configuration provides mapping to corresponding HARQ-ACK codebook for SPS PDSCH and ACK for SPS PDSCH release
 FFS whether/how or not to further indicate a mapping to corresponding HARQ-ACK codebook by DL SPS activation (FFS to complement or overwrite) the RRC configured indication and if so, the applicable DCI formats
Conclusion
Activation DCI complementing or overwriting the RRC configured priority of SPS PDSCH is not supported in Rel-1
6</t>
    <phoneticPr fontId="10"/>
  </si>
  <si>
    <t>UCI-OnPUSCH-List</t>
    <phoneticPr fontId="10"/>
  </si>
  <si>
    <t>Agreements:
For the dynamic indication of the number of repetitions for dynamic grant:
• Jointly coded with SLIV in TDRA table, by adding an additional column for the number of repetitions in the TDRA table 
o The maximum TDRA table size is increased to 64
o No other spec impact is expected</t>
    <phoneticPr fontId="10"/>
  </si>
  <si>
    <t>PUSCH-TimeDomainResourceAllocation-ForDCIformat0_2</t>
    <phoneticPr fontId="10"/>
  </si>
  <si>
    <t>Configuration of an entry in time domain resource allocation (TDRA) table for DCIformat 0_2. If the TDRA table is for PUSCH repetition Type B, then " startSymbol" and "length" are present. If the TDRA table is for PUSCH repetition Type A, then “mappingType” and "startSymbolAndLength" are present.</t>
    <phoneticPr fontId="10"/>
  </si>
  <si>
    <t xml:space="preserve">{K2, mappingType, startSymbolAndLength, numberofrepetitions} if PUSCHRepTypeIndicator-ForDCIFormat0_2 is set to ‘pusch-RepTypeA’;
{K2, startSymbol, length, numberofrepetitions} if PUSCHRepTypeIndicator-ForDCIFormat0_2 is set to ‘pusch-RepTypeB’
</t>
    <phoneticPr fontId="10"/>
  </si>
  <si>
    <t xml:space="preserve">Agreements:
For the dynamic indication of the number of repetitions for dynamic grant:
• Jointly coded with SLIV in TDRA table, by adding an additional column for the number of repetitions in the TDRA table 
o The maximum TDRA table size is increased to 64
o No other spec impact is expected
Agreements:
• Do not support PUSCH mapping type A for Option 4.
Conclusion:
Definitions:
• “Rel-16 PUSCH transmission scheme”: Option 4
• “Rel-15 PUSCH transmission scheme”: the transmission is done according to Rel-15 behavior, either with or without slot aggregation. With slot aggregation, the number of repetitions can be either semi-statically configured (as in Rel-15) or dynamically indicated (as agreed for Rel-16).
Agreements:
For how to indicate S and L in the TDRA table for PUSCH repetition type B, S and L are separately indicated (4-bit for S and 4-bit for L).
- S is from 0 and [13], L is from [1] to 14.
o Note: The additional restrictions for a particular waveform and/or DMRS mapping type from R15 are still applicable
Agreements:
For PUSCH repetition Type B, S is from 0 to 13, and L is from 1 to 14. (RRC impact)
</t>
    <phoneticPr fontId="10"/>
  </si>
  <si>
    <t>PUSCH-TimeDomainResourceAllocationList-ForDCIformat0_1</t>
    <phoneticPr fontId="10"/>
  </si>
  <si>
    <t xml:space="preserve">1..maxNrofUL-Allocations-Rel16 of PUSCH-TimeDomainResourceAllocation-ForDCIformat0_1  </t>
    <phoneticPr fontId="10"/>
  </si>
  <si>
    <t xml:space="preserve">Agreements:
• Support dynamic indication of the number of repetitions for Rel-15 PUSCH with slot aggregation using DCI formats 0_1 &amp; the new UL DCI format
o The dynamic indication is done by using the same Rel-16 mechanism (Jointly coding the number of repetitions with SLIV in TDRA table)
Conclusion:
Definitions:
• “Rel-16 PUSCH transmission scheme”: Option 4
• “Rel-15 PUSCH transmission scheme”: the transmission is done according to Rel-15 behavior, either with or without slot aggregation. With slot aggregation, the number of repetitions can be either semi-statically configured (as in Rel-15) or dynamically indicated (as agreed for Rel-16).
</t>
    <phoneticPr fontId="10"/>
  </si>
  <si>
    <t>PUSCH-TimeDomainResourceAllocation-ForDCIformat0_1</t>
    <phoneticPr fontId="10"/>
  </si>
  <si>
    <t>Configuration of an entry in time domain resource allocation (TDRA) table for DCI format 0_1. If the TDRA table is for PUSCH repetition Type B, then " startSymbol" and "length" are present. If the TDRA table is for PUSCH repetition Type A, then “mappingType” and "startSymbolAndLength" are present.</t>
    <phoneticPr fontId="10"/>
  </si>
  <si>
    <t>Agreements:
• Support dynamic indication of the number of repetitions for Rel-15 PUSCH with slot aggregation using DCI formats 0_1 &amp; the new UL DCI format
o The dynamic indication is done by using the same Rel-16 mechanism (Jointly coding the number of repetitions with SLIV in TDRA table)
Conclusion:
Definitions:
• “Rel-16 PUSCH transmission scheme”: Option 4
• “Rel-15 PUSCH transmission scheme”: the transmission is done according to Rel-15 behavior, either with or without slot aggregation. With slot aggregation, the number of repetitions can be either semi-statically configured (as in Rel-15) or dynamically indicated (as agreed for Rel-16).
Agreements:
For how to indicate S and L in the TDRA table for PUSCH repetition type B, S and L are separately indicated (4-bit for S and 4-bit for L).
- S is from 0 and [13], L is from [1] to 14.
o Note: The additional restrictions for a particular waveform and/or DMRS mapping type from R15 are still applicable
Agreements:
For PUSCH repetition Type B, S is from 0 to 13, and L is from 1 to 14. (RRC impact)</t>
    <phoneticPr fontId="10"/>
  </si>
  <si>
    <t>PUSCHRepTypeIndicator-ForDCIFormat0_2</t>
    <phoneticPr fontId="10"/>
  </si>
  <si>
    <t>Indicate whether UE follows the behavior for “PUSCH repetition Type B” or the behavior for “PUSCH repetition Type A” for the PUSCH scheduled by DCI format 0_2 and for Type 2 CG activated by DCI format 0_2</t>
    <phoneticPr fontId="10"/>
  </si>
  <si>
    <t xml:space="preserve">{pusch-RepTypeA, pusch-RepTypeB} </t>
    <phoneticPr fontId="10"/>
  </si>
  <si>
    <t>Agreements:
For DG and retransmission of CG, introduce one RRC parameter for each of the DCI format 0_1 and the new UL DCI format, to indicate whether UE follows the behavior for “Rel-16 PUSCH transmission scheme” or the behavior for “Rel-15 PUSCH transmission scheme”.
• FFS: whether to restrict that “Rel-16 PUSCH transmission scheme” cannot be enabled for both DCI formats simultaneously 
For Type 1 CG, introduce an RRC parameter per CG configuration to indicate whether UE follows the behavior for “Rel-16 PUSCH transmission scheme” or the behavior for “Rel-15 PUSCH transmission scheme”.
Agreements:
For Type 2 CG, UE uses the PUSCH transmission scheme (“Rel-16 PUSCH transmission scheme” or “Rel-15 PUSCH transmission scheme”) associated with the activating DCI format.</t>
    <phoneticPr fontId="10"/>
  </si>
  <si>
    <t>PUSCHRepTypeIndicator-ForDCIFormat0_1</t>
    <phoneticPr fontId="10"/>
  </si>
  <si>
    <t>Indicate whether UE follows the behavior for “PUSCH repetition Type B” or the behavior for “PUSCH repetition Type A” for the PUSCH scheduled by DCI format 0_1 and for Type 2 CG activated by DCI format 0_1</t>
    <phoneticPr fontId="10"/>
  </si>
  <si>
    <t>rrc-ConfiguredUplinkGrant</t>
    <phoneticPr fontId="10"/>
  </si>
  <si>
    <t>PUSCHRepTypeIndicator-ForType1Configuredgrant</t>
    <phoneticPr fontId="10"/>
  </si>
  <si>
    <t>Indicate whether UE follows the behavior for “PUSCH repetition Type B” or the behavior for “PUSCH repetition Type A” for each Type 1 configured grant configuration</t>
    <phoneticPr fontId="10"/>
  </si>
  <si>
    <t>Agreements:
For DG and retransmission of CG, introduce one RRC parameter for each of the DCI format 0_1 and the new UL DCI format, to indicate whether UE follows the behavior for “Rel-16 PUSCH transmission scheme” or the behavior for “Rel-15 PUSCH transmission scheme”.
• FFS: whether to restrict that “Rel-16 PUSCH transmission scheme” cannot be enabled for both DCI formats simultaneously 
For Type 1 CG, introduce an RRC parameter per CG configuration to indicate whether UE follows the behavior for “Rel-16 PUSCH transmission scheme” or the behavior for “Rel-15 PUSCH transmission scheme”.
Agreements:
• For the initial Type 1 CG PUSCH transmission with PUSCH repetition type B, 
 If one and only one of DCI formats 0_1 and 0_2 is configured with PUSCH repetition type B, the TDRA table corresponding to the DCI format (0_1 or 0_2) configured with PUSCH repetition type B is used. 
 If both 0_1 and 0_2 are configured with PUSCH repetition type B, the TDRA table corresponding to DCI format 0_1 is used.
 Note: For the initial Type 1 CG PUSCH transmission with PUSCH repetition type B, the case of none of the DCI formats 0_1 and 0_2 is configured with PUSCH repetition type B is an error case</t>
    <phoneticPr fontId="10"/>
  </si>
  <si>
    <t>NR_L1enh_URLLC-Core</t>
    <phoneticPr fontId="10"/>
  </si>
  <si>
    <t xml:space="preserve">dci-Format2-4
</t>
    <phoneticPr fontId="10"/>
  </si>
  <si>
    <t xml:space="preserve">nrofCandidates-CI
</t>
    <phoneticPr fontId="10"/>
  </si>
  <si>
    <t>The number of PDCCH candidates specifically for DCI format 2-4 for the configured aggregation level. If an aggregation level is absent, the UE does not search for any candidates with that aggregation level</t>
    <phoneticPr fontId="10"/>
  </si>
  <si>
    <t>UplinkCancellation</t>
    <phoneticPr fontId="10"/>
  </si>
  <si>
    <t>NR_L1enh_URLLC-Core+V53A53:T5A53:P53</t>
    <phoneticPr fontId="10"/>
  </si>
  <si>
    <t>CI-Configuration</t>
    <phoneticPr fontId="10"/>
  </si>
  <si>
    <t>CI-PayloadSize</t>
    <phoneticPr fontId="10"/>
  </si>
  <si>
    <t xml:space="preserve">Agreements:
Support the following for UL CI
• Each UL cancelation indicator per serving cell has a RRC configurable field size of  X bits 
o One value of X is 14
o FFS other values (e.g. X can be N (N&gt;0) times of 7)
• The time domain granularity for the reference time region is configured by RRC
o FFS the possible values  (e.g. the time region can be divided into [1],[2],[4],[7],[14],…portions)
o FFS valid configurations according to the duration of the time reference region
• The frequency domain granularity is determined based on the configured time domain granularity and the configured bit field size of each indicator
• The time and frequency resource for cancellation is jointly indicated by a 2D-bitmap (i.e. similar as DL PI) over the time and frequency partitions within the reference region
o FFS dynamic 2D-bitmap
Agreement:
• The possible values for CI-PayloadSize, are {1,2,4,5,7,8,10,14,16,20,28,32,35,42,56,112}
</t>
    <phoneticPr fontId="10"/>
  </si>
  <si>
    <t>0..maxCI-DCI-PayloadSize</t>
    <phoneticPr fontId="10"/>
  </si>
  <si>
    <t xml:space="preserve">Agreements:
• Regarding UL CI monitoring, support the following:
o A new RNTI (e.g. CI-RNTI) is used for UL CI
o FFS: Monitoring periodicity larger than [5] slot is not supported for UL CI
o The aggregation level(s) and the number of PDCCH candidates configured by RRC 
• FFS possible restrictions, e.g., the ones associated with SFI
o The DCI payload size for UL CI  is configured by RRC
• FFS possible values
Agreements:
• The maximum size for dci-PayloadSize-forCI is 126
</t>
    <phoneticPr fontId="10"/>
  </si>
  <si>
    <t>ci-ConfigurationPerServingCell</t>
    <phoneticPr fontId="10"/>
  </si>
  <si>
    <t xml:space="preserve">Indicates the position of the CI-PaylaodSize bit CI values inside the DCI payload for all serving cells </t>
    <phoneticPr fontId="10"/>
  </si>
  <si>
    <t>1..maxNrofServingCells of CI-Configuration</t>
    <phoneticPr fontId="10"/>
  </si>
  <si>
    <t>CI-Configurationl</t>
    <phoneticPr fontId="10"/>
  </si>
  <si>
    <t xml:space="preserve">Indicates (per serving cell) the position of the CI-PaylaodSize bit CI values inside the DCI payload. positionInDCI-forSUL is present if a serving cell is configured with SUL. 
 </t>
    <phoneticPr fontId="10"/>
  </si>
  <si>
    <t>{servingCellId, positionInDCI, positionInDCI-forSUL, CI-PayloadSize, timeFrequencyRegion}</t>
    <phoneticPr fontId="10"/>
  </si>
  <si>
    <t>Agreements:
• Cross-carrier UL cancelation indication is supported using the same way as Rel-15 SFI/DL PI
o The indication field position in DCI for each cross-carrier indicated serving cell is configured by RRC
Agreements:
If a serving cell is configured with SUL, each UL carrier (SUL and non-SUL) can be configured with different positionInDCI.</t>
    <phoneticPr fontId="10"/>
  </si>
  <si>
    <t xml:space="preserve">Starting position (in number of bit) of the CI-PaylaodSize bit CI value applicable for this serving cell (servingCellId) within the DCI payload (see TS 38.213 [13], clause 11.x). </t>
    <phoneticPr fontId="10"/>
  </si>
  <si>
    <t>timeFrequencyRegion</t>
    <phoneticPr fontId="10"/>
  </si>
  <si>
    <t xml:space="preserve">Agreements:
• The reference time region where a detected UL CI is applicable is determined by the following:
o The reference time region starts from X symbols after the ending symbol of the PDCCH CORESET carrying the UL CI, where X is at least equal to the minimum processing time for UL cancelation
• FFS X can be configured to be larger than the minimum processing time for UL cancelation
o The duration of the reference time region is configured by RRC
• FFS Possible values (e.g. 2OS, 4OS, 7OS, 14OS, 28OS?)
o FFS DL symbols are excluded from the reference time region
Agreements:
• The reference frequency region where a detected UL CI is applicable is configured by RRC
Agreements:
Support the following for UL CI
• Each UL cancelation indicator per serving cell has a RRC configurable field size of  X bits 
o One value of X is 14
o FFS other values (e.g. X can be N (N&gt;0) times of 7)
• The time domain granularity for the reference time region is configured by RRC
o FFS the possible values  (e.g. the time region can be divided into [1],[2],[4],[7],[14],…portions)
o FFS valid configurations according to the duration of the time reference region
• The frequency domain granularity is determined based on the configured time domain granularity and the configured bit field size of each indicator
• The time and frequency resource for cancellation is jointly indicated by a 2D-bitmap (i.e. similar as DL PI) over the time and frequency partitions within the reference region
o FFS dynamic 2D-bitmap
</t>
    <phoneticPr fontId="10"/>
  </si>
  <si>
    <t>timedurationforCI</t>
    <phoneticPr fontId="10"/>
  </si>
  <si>
    <t xml:space="preserve">Configure the duration of the reference time region where a detected UL CI is applicable. This parameter is present if the configured UL CI monitoring periodicity is &lt;1 slot with only one monitoring occasion. </t>
    <phoneticPr fontId="10"/>
  </si>
  <si>
    <t>If the configured UL CI monitoring periodicity is &gt;1 slot or 1-slot with only one monitoring occasion, the same as the configured UL CI monitoring periodicity;
Otherwise, 2, 4, 7, 14 symbols</t>
    <phoneticPr fontId="10"/>
  </si>
  <si>
    <t xml:space="preserve">Agreements:
• The reference time region where a detected UL CI is applicable is determined by the following:
o The reference time region starts from X symbols after the ending symbol of the PDCCH CORESET carrying the UL CI, where X is at least equal to the minimum processing time for UL cancelation
• FFS X can be configured to be larger than the minimum processing time for UL cancelation
o The duration of the reference time region is configured by RRC
• FFS Possible values (e.g. 2OS, 4OS, 7OS, 14OS, 28OS?)
o FFS DL symbols are excluded from the reference time region
Agreements:
• The reference frequency region where a detected UL CI is applicable is configured by RRC
Agreements:
Support the following for UL CI
• Each UL cancelation indicator per serving cell has a RRC configurable field size of  X bits 
o One value of X is 14
o FFS other values (e.g. X can be N (N&gt;0) times of 7)
• The time domain granularity for the reference time region is configured by RRC
o FFS the possible values  (e.g. the time region can be divided into [1],[2],[4],[7],[14],…portions)
o FFS valid configurations according to the duration of the time reference region
• The frequency domain granularity is determined based on the configured time domain granularity and the configured bit field size of each indicator
• The time and frequency resource for cancellation is jointly indicated by a 2D-bitmap (i.e. similar as DL PI) over the time and frequency partitions within the reference region
o FFS dynamic 2D-bitmap
Agreements:
• Possible values for RRC parameter timedurationforCI can be:
o If the configured UL CI monitoring periodicity is &gt;1 slot or 1-slot with only one monitoring occasion 
 At least the same as the configured UL CI monitoring periodicity
• FFS whether or not to additionally support multiple of UL CI monitoring periodicity
o Otherwise (i.e., &gt;1 monitoring occasion within 1 slot when 1-slot is the configured UL CI monitoring periodicity)
 {2, 4, 7, [14]} OS, which SCS is used when determine the time duration
• SCS for the DL BWP carrying UL CI
 FFS The UE is not expected to be configured with a time duration for CI less than the time different (in symbols) between any adjacent monitoring occasions in a slot
Agreements:
Regarding “FFS whether or not to additionally support multiple of UL CI monitoring periodicity”
• If the configured UL CI monitoring periodicity is &gt;1 slot or 1-slot with only one monitoring occasion, no additionally support that the time duration to be multiple of UL CI monitoring periodicity
Agreement:
• Confirm that 14OS can be configured for timedurationforCI  (when 1-slot is the configured UL CI monitoring periodicity with more than one monitoring occasions within 1 slot)
</t>
    <phoneticPr fontId="10"/>
  </si>
  <si>
    <t>1,2,4,7,14,28</t>
    <phoneticPr fontId="10"/>
  </si>
  <si>
    <t xml:space="preserve">Agreements:
• The reference time region where a detected UL CI is applicable is determined by the following:
o The reference time region starts from X symbols after the ending symbol of the PDCCH CORESET carrying the UL CI, where X is at least equal to the minimum processing time for UL cancelation
• FFS X can be configured to be larger than the minimum processing time for UL cancelation
o The duration of the reference time region is configured by RRC
• FFS Possible values (e.g. 2OS, 4OS, 7OS, 14OS, 28OS?)
o FFS DL symbols are excluded from the reference time region
Agreements:
• The reference frequency region where a detected UL CI is applicable is configured by RRC
Agreements:
Support the following for UL CI
• Each UL cancelation indicator per serving cell has a RRC configurable field size of  X bits 
o One value of X is 14
o FFS other values (e.g. X can be N (N&gt;0) times of 7)
• The time domain granularity for the reference time region is configured by RRC
o FFS the possible values  (e.g. the time region can be divided into [1],[2],[4],[7],[14],…portions)
o FFS valid configurations according to the duration of the time reference region
• The frequency domain granularity is determined based on the configured time domain granularity and the configured bit field size of each indicator
• The time and frequency resource for cancellation is jointly indicated by a 2D-bitmap (i.e. similar as DL PI) over the time and frequency partitions within the reference region
o FFS dynamic 2D-bitmap
Agreements at RAN1#99:
•	Possible values (16 values) for RRC parameter CI-PayloadSize are 
o	{[1],2,4,[5],7,8,[10],14,16,[20],[25],28,32,[35],56,112}
•	timeGranularityforCI is defined as number of partitions within the time region, and possible values are
o	{1,2,4,7,14,28}
•	The configured value of CI-PayloadSize shall be a multiple integer of the configured value of timeGranularityforCI
</t>
    <phoneticPr fontId="10"/>
  </si>
  <si>
    <t>As defined in section 6.3.2 in 38.331 for locationAndBandwidth</t>
    <phoneticPr fontId="10"/>
  </si>
  <si>
    <t xml:space="preserve">Agreements:
• The reference time region where a detected UL CI is applicable is determined by the following:
o The reference time region starts from X symbols after the ending symbol of the PDCCH CORESET carrying the UL CI, where X is at least equal to the minimum processing time for UL cancelation
• FFS X can be configured to be larger than the minimum processing time for UL cancelation
o The duration of the reference time region is configured by RRC
• FFS Possible values (e.g. 2OS, 4OS, 7OS, 14OS, 28OS?)
o FFS DL symbols are excluded from the reference time region
Agreements:
• The reference frequency region where a detected UL CI is applicable is configured by RRC
Agreements:
Support the following for UL CI
• Each UL cancelation indicator per serving cell has a RRC configurable field size of  X bits 
o One value of X is 14
o FFS other values (e.g. X can be N (N&gt;0) times of 7)
• The time domain granularity for the reference time region is configured by RRC
o FFS the possible values  (e.g. the time region can be divided into [1],[2],[4],[7],[14],…portions)
o FFS valid configurations according to the duration of the time reference region
• The frequency domain granularity is determined based on the configured time domain granularity and the configured bit field size of each indicator
• The time and frequency resource for cancellation is jointly indicated by a 2D-bitmap (i.e. similar as DL PI) over the time and frequency partitions within the reference region
o FFS dynamic 2D-bitmap
Agreements:
• The frequency region for UL CI is derived by the following
• A RIV indication configured by RRC within value range of (0..37949) (i.e. the same way as IE “locationAndBandwidth” for BWP configuration ), the configuration is per serving cell specific
o The reference point is derived based on the RRC parameter offsetToCarrier (existing parameter, same way as BWP configuration)
• A reference SCS (no RRC configuration) for a serving cell (to handle the case where a UE is configured with multiple BWPs using different SCSs on the serving cell), 
o Use the SCS for the DL BWP carrying UL CI as the reference SCS
</t>
    <phoneticPr fontId="10"/>
  </si>
  <si>
    <t>Configure one additional P0-PUSCH-Set per SRI. If present, the one bit or 2 bits in the DCI is used to dynamically indicate among the P0 value from the existing P0-PUSCH-AlphaSet and the P0 value(s) from the newly configured P0-PUSCH-Set</t>
    <phoneticPr fontId="10"/>
  </si>
  <si>
    <t>Agreements:
• For a DG-PUSCH, an open-loop parameter set indicated to the UE by scheduling DCI using a separate field than SRI is supported. 
o FFS number of bits for the indication
Agreements:
• For DG-PUSCH, one bit (separately from SRI) in UL grant is used to indicate the open loop power control parameter set 
o Introduce one new RRC parameter that contains one additional P0-PUSCH-Set per SRI
o The one bit indication is present in the UL grant when the above new RRC parameter is configured 
o If present, the one bit in the DCI is used to switch between the P0 value from the existing P0-PUSCH-AlphaSet and the P0 value from the newly configured P0-PUSCH-Set
Agreement
To determine the P0 value in case SRI is not configured in the DCI
• Option 1A: The open-loop power control parameter set indication field in the DCI can be configurable to be 1 or 2bits
 P0-PUSCH-Set can provide up to two P0 values
 UE uses the P0 values according to open loop power control indication field in DCI 
 UE use P0 from P0-PUSCH-AlphaSet when
 open-loop power control parameter set indication field is 1bit and “0” is indicated, or
 open-loop power control parameter set indication field is 2bits and “00” is indicated
 Open-loop power control parameter set indication field can be separately configurable for DCI format 0_1 and DCI format 0_2
 If open-loop power control parameter set indication field is not present for a DCI format, use P0 from P0-PUSCH-AlphaSet
 A single configuration of P0-PUSCH-Set applies to both DCI format 0_1 and DCI format 0_2</t>
    <phoneticPr fontId="10"/>
  </si>
  <si>
    <t>PUSCH-PowerControl</t>
    <phoneticPr fontId="10"/>
  </si>
  <si>
    <t>P0-PUSCH-Set</t>
    <phoneticPr fontId="10"/>
  </si>
  <si>
    <t xml:space="preserve">Configuration of {p0-PUSCH, p0-PUSCH} sets for PUSCH. If SRI is present in the DCI, then one p0-PUSCH can be configured in P0-PUSCH-Set. If SRI is not present in the DCI, and both OLPCParameterSet-ForDCIFormat0_1 and OLPCParameterSet-ForDCIFormat0_2 are configured to be 1 bit, then one p0-PUSCH can be configured in P0-PUSCH-Set. If SRI is not present in the DCI, and if any of OLPCParameterSet-ForDCIFormat0_1 and OLPCParameterSet-ForDCIFormat0_2 is configured to be 2 bits, then two p0-PUSCH values can be configured in P0-PUSCH-Set.   </t>
    <phoneticPr fontId="10"/>
  </si>
  <si>
    <t>{p0-PUSCH-SetId, p0, p0}</t>
    <phoneticPr fontId="10"/>
  </si>
  <si>
    <t xml:space="preserve">Agreements:
• For a DG-PUSCH, an open-loop parameter set indicated to the UE by scheduling DCI using a separate field than SRI is supported. 
o FFS number of bits for the indication
Agreements:
• For DG-PUSCH, one bit (separately from SRI) in UL grant is used to indicate the open loop power control parameter set 
o Introduce one new RRC parameter that contains one additional P0-PUSCH-Set per SRI
o The one bit indication is present in the UL grant when the above new RRC parameter is configured 
o If present, the one bit in the DCI is used to switch between the P0 value from the existing P0-PUSCH-AlphaSet and the P0 value from the newly configured P0-PUSCH-Set
Agreement
To determine the P0 value in case SRI is not configured in the DCI
• Option 1A: The open-loop power control parameter set indication field in the DCI can be configurable to be 1 or 2bits
 P0-PUSCH-Set can provide up to two P0 values
 UE uses the P0 values according to open loop power control indication field in DCI 
 UE use P0 from P0-PUSCH-AlphaSet when
 open-loop power control parameter set indication field is 1bit and “0” is indicated, or
 open-loop power control parameter set indication field is 2bits and “00” is indicated
 Open-loop power control parameter set indication field can be separately configurable for DCI format 0_1 and DCI format 0_2
 If open-loop power control parameter set indication field is not present for a DCI format, use P0 from P0-PUSCH-AlphaSet
 A single configuration of P0-PUSCH-Set applies to both DCI format 0_1 and DCI format 0_2
</t>
    <phoneticPr fontId="10"/>
  </si>
  <si>
    <t>p0-PUSCH-SetId</t>
    <phoneticPr fontId="10"/>
  </si>
  <si>
    <t xml:space="preserve">Agreements:
• For a DG-PUSCH, an open-loop parameter set indicated to the UE by scheduling DCI using a separate field than SRI is supported. 
o FFS number of bits for the indication
Agreements:
• For DG-PUSCH, one bit (separately from SRI) in UL grant is used to indicate the open loop power control parameter set 
o Introduce one new RRC parameter that contains one additional P0-PUSCH-Set per SRI
o The one bit indication is present in the UL grant when the above new RRC parameter is configured 
o If present, the one bit in the DCI is used to switch between the P0 value from the existing P0-PUSCH-AlphaSet and the P0 value from the newly configured P0-PUSCH-Set
</t>
    <phoneticPr fontId="10"/>
  </si>
  <si>
    <t>SRSRequest-ForDCIFormat0_2</t>
    <phoneticPr fontId="10"/>
  </si>
  <si>
    <t xml:space="preserve">Indicate the number of bits for "SRS request"in DCI format 0_2. When the field "SRSRequest-ForDCIFormat0_2" is absent in the IE, then 0 bit for "SRS request" in DCI format 0_2. If the parameter SRSRequest-ForDCIFormat0_2 is configured to value 1, 1 bit is used to indicate one of the first two rows of Table 7.3.1.1.2-24 in TS 38.212 for triggered aperiodic SRS resource set. If the value 2 is configured, 2 bits are used to indicate one of the rows of Table 7.3.1.1.2-24 in TS 38.212 as in Rel-15. When UE is configured with supplementaryUplink, an extra bit (the first bit of the SRS request field) is used for the non-SUL/SUL indication. </t>
    <phoneticPr fontId="10"/>
  </si>
  <si>
    <t xml:space="preserve">Agreements:
Support new RRC configuration for “SRS request” in DCI format 0_2 
• Introduce new RRC parameters SRSRequest-ForDCIFormat0_2 with the candidate value {1, 2}. 
o If the RRC parameter SRSRequest-ForDCIFormat0_2 is not configured, then 0 bit for “SRS request” in DCI format 0_2. 
o If the parameter SRSRequest-ForDCIFormat0_2 is configured to value 1, 1 bit is used to indicate one of the first two rows of Table 7.3.1.1.2-24 in TS 38.212 for triggered aperiodic SRS resource set.
o  If the value 2 is configured, 2 bits are used to indicate one of the rows of Table 7.3.1.1.2-24 in TS 38.212 as in Rel-15.
• When UE is configured with supplementaryUplink, an extra bit (the first bit of the SRS request field) is used for the non-SUL/SUL indication. 
</t>
    <phoneticPr fontId="10"/>
  </si>
  <si>
    <t>ReferenceofSLIV-ForDCIFormat1_2</t>
    <phoneticPr fontId="10"/>
  </si>
  <si>
    <t xml:space="preserve">Enable using the starting symbol of the PDCCH monitoring occasion in which the DL assignment is detected as the reference of the SLIV for DCI format 1_2. When the RRC parameter enables the utilization of the new reference, the new reference is applied for TDRA entries with K0=0. Other entries with K0&gt;0 can also be included in the same TDRA table.  For other entries (if any) in the same TDRA table, the reference is slot boundary as in Rel-15. PDSCH mapping type A is not supported with the new reference. The new reference of SLIV is not configured for a serving cell configured to be scheduled by cross-carrier scheduling on a scheduling cell with different numerology  
</t>
    <phoneticPr fontId="10"/>
  </si>
  <si>
    <t xml:space="preserve">Agreements:
For time domain resource allocation indication for PDSCH for Rel-16 URLLC in new DCI format, using the starting symbol of the PDCCH monitoring occasion in which the DL assignment is detected as the reference of the SLIV is supported.
• A RRC parameter is used to enable the utilization of the new reference  
• When the RRC parameter enables the utilization of the new reference, the new reference is applied for TDRA entries with K0=0
o FFS: Other entries with K0&gt;0 can also be included in the same TDRA table 
 For other entries (if any) in the same TDRA table, the reference is slot boundary as in Rel-15.
PDSCH mapping type A is not supported with the new reference. 
</t>
    <phoneticPr fontId="10"/>
  </si>
  <si>
    <t>PUSCH-ServingCellConfig</t>
    <phoneticPr fontId="10"/>
  </si>
  <si>
    <t>maxMIMO-Layers-ForDCIFormat0_2</t>
    <phoneticPr fontId="10"/>
  </si>
  <si>
    <t>Configuration for DCI format 0_2, defined in the same way as in section 6.3.2 in 38.331 for maxMIMO-Layers</t>
    <phoneticPr fontId="10"/>
  </si>
  <si>
    <t>As defined in section 6.3.2 in 38.331 for maxMIMO-Layers</t>
    <phoneticPr fontId="10"/>
  </si>
  <si>
    <t>SRS-Config</t>
    <phoneticPr fontId="10"/>
  </si>
  <si>
    <t>srs-ResourceSetToAddModList-ForDCIFormat0_2</t>
    <phoneticPr fontId="10"/>
  </si>
  <si>
    <t>Configuration for DCI format 0_2, defined in the same way as in section 6.3.2 in 38.331 for srs-ResourceSetToAddModList</t>
    <phoneticPr fontId="10"/>
  </si>
  <si>
    <t>As defined in section 6.3.2 in 38.331 for srs-ResourceSetToAddModList</t>
    <phoneticPr fontId="10"/>
  </si>
  <si>
    <t xml:space="preserve">maxRank-ForDCIFormat0_2 </t>
    <phoneticPr fontId="10"/>
  </si>
  <si>
    <t>Configuration for DCI format 0_2, defined in the same way as in section 6.3.2 in 38.331 for maxRank</t>
    <phoneticPr fontId="10"/>
  </si>
  <si>
    <t>As defined in section 6.3.2 in 38.331 for maxRank</t>
    <phoneticPr fontId="10"/>
  </si>
  <si>
    <t>codebookSubset-ForDCIFormat0_2</t>
    <phoneticPr fontId="10"/>
  </si>
  <si>
    <t>Configuration for DCI format 0_2, defined in the same way as in section 6.3.2 in 38.331 for codebookSubset</t>
    <phoneticPr fontId="10"/>
  </si>
  <si>
    <t>As defined in section 6.3.2 in 38.331 for  codebookSubset</t>
    <phoneticPr fontId="10"/>
  </si>
  <si>
    <t>dmrs-UplinkForPUSCH-MappingTypeA-ForDCIFormat0_2</t>
    <phoneticPr fontId="10"/>
  </si>
  <si>
    <t xml:space="preserve">Configuration for DCI format 0_2, defined in the same way as in section 6.3.2 in 38.331 for dmrs-UplinkForPUSCH-MappingTypeA. [If both "dmrs-UplinkForPUSCH-MappingTypeA-ForDCIFormat0_2" and "dmrs-UplinkForPUSCH-MappingTypeB-ForDCIFormat0_2" are absent, then 0 bit for "Antenna port(s)" in DCI format 0_2.] </t>
    <phoneticPr fontId="10"/>
  </si>
  <si>
    <t>As defined in section 6.3.2 in 38.331 for dmrs-UplinkForPUSCH-MappingTypeA</t>
    <phoneticPr fontId="10"/>
  </si>
  <si>
    <t>Agreements:
For “Antenna port” in DCI format 0_2 
• Introduce new RRC parameters dmrs-UplinkForPUSCH-MappingTypeA-ForDCIFormat0_2 and dmrs-UplinkForPUSCH-MappingTypeB-ForDCIFormat0_2. 
o If none of the above two RRC parameters is configured, then 0 bit for “Antenna port” in DCI format 0_2 (the port follows the same port index as in the fallback DCI)
o Otherwise, the number of bits for “Antenna port” in DCI format 0_2 is determined in the same way as Rel-15 DCI format 0_1. 
It is RAN1's understanding that this parameter includes phaseTrackingRS/PTRS-UplinkConfig that separately configures PTRS for DCI format 0_2 to accommodate following agreements.
Agreements:
Support new RRC configuration for “PTRS-DMRS association” in DCI format 0_2 
• Introduce new RRC parameters PTRS-UplinkConfig-ForDCIFormat0_2. 
o Reuse the Rel-15 procedure to determine the field size for PTRS-DMRS association field of DCI format 0_1 for the new DCI format 0_2.</t>
    <phoneticPr fontId="10"/>
  </si>
  <si>
    <t>dmrs-UplinkForPUSCH-MappingTypeB-ForDCIFormat0_2</t>
    <phoneticPr fontId="10"/>
  </si>
  <si>
    <t>Configuration for DCI format 0_2, defined in the same way as in section 6.3.2 in 38.331 for dmrs-UplinkForPUSCH-MappingTypeB. [If both "dmrs-UplinkForPUSCH-MappingTypeA-ForDCIFormat0_2" and "dmrs-UplinkForPUSCH-MappingTypeB-ForDCIFormat0_2" are absent, then 0 bit for "Antenna port(s)" in DCI format 0_2.]</t>
    <phoneticPr fontId="10"/>
  </si>
  <si>
    <t>As defined in section 6.3.2 in 38.331 for dmrs-UplinkForPUSCH-MappingTypeB</t>
    <phoneticPr fontId="10"/>
  </si>
  <si>
    <t>Section 6.1.4 for 38.212</t>
    <phoneticPr fontId="10"/>
  </si>
  <si>
    <t>mcs-Table-ForDCIFormat0_2</t>
    <phoneticPr fontId="10"/>
  </si>
  <si>
    <t>Configuration for DCI format 0_2, defined in the same way as in section 6.3.2 in 38.331 for mcs-Table</t>
    <phoneticPr fontId="10"/>
  </si>
  <si>
    <t>As defined in section 6.3.2 in 38.331 for mcs-Table</t>
    <phoneticPr fontId="10"/>
  </si>
  <si>
    <t>Agreements:
New RRC parameter to support the MCS table selection for DCI format 0_2. Same mechanism as in Rel-15 is used for MCS table selection. 
New RRC parameter to support the MCS table selection for DCI format 1_2. Same mechanism as in Rel-15 is used for MCS table selection. 
• No new RNTI is introduced for the above two agreements</t>
    <phoneticPr fontId="10"/>
  </si>
  <si>
    <t>Section 5.1.3 for 38.212</t>
    <phoneticPr fontId="10"/>
  </si>
  <si>
    <t>mcs-Table-ForDCIFormat1_2</t>
    <phoneticPr fontId="10"/>
  </si>
  <si>
    <t>Configuration for DCI format 1_2, defined in the same way as in section 6.3.2 in 38.331 for mcs-Table</t>
    <phoneticPr fontId="10"/>
  </si>
  <si>
    <t>mcs-TableTransformPrecoder-ForDCIFormat0_2</t>
    <phoneticPr fontId="10"/>
  </si>
  <si>
    <t>Configuration for DCI format 0_2, defined in the same way as in section 6.3.2 in 38.331 for mcs-TableTransformPrecoder</t>
    <phoneticPr fontId="10"/>
  </si>
  <si>
    <t>As defined in section 6.3.2 in 38.331 for mcs-TableTransformPrecoder</t>
    <phoneticPr fontId="10"/>
  </si>
  <si>
    <t xml:space="preserve">Agreements:
New RRC parameter to support the MCS table selection for DCI format 0_2. Same mechanism as in Rel-15 is used for MCS table selection. 
New RRC parameter to support the MCS table selection for DCI format 1_2. Same mechanism as in Rel-15 is used for MCS table selection. 
• No new RNTI is introduced for the above two agreements
</t>
    <phoneticPr fontId="10"/>
  </si>
  <si>
    <t>Enhanced PDCCH monitoring capability</t>
    <phoneticPr fontId="10"/>
  </si>
  <si>
    <t>Section 10.1 for 38.213</t>
    <phoneticPr fontId="10"/>
  </si>
  <si>
    <t>PDCCH-Config</t>
    <phoneticPr fontId="10"/>
  </si>
  <si>
    <t>PDCCHMonitoringCapabilityConfig</t>
    <phoneticPr fontId="10"/>
  </si>
  <si>
    <t>Configure either Rel-15 PDCCH monitoring capability or Rel-16 PDCCH monitoring capability for PDCCH monitoring on a serving cell</t>
    <phoneticPr fontId="10"/>
  </si>
  <si>
    <t>{R15 PDCCH monitoring capability, R16 PDCCH monitoring capability}</t>
    <phoneticPr fontId="10"/>
  </si>
  <si>
    <t xml:space="preserve">Agreement
PDCCH monitoring can be configured based on either Rel-15 capability (i.e. per slot based capability) or Rel-16 capability (i.e. per span based capability) on a serving cell 
• gNB configures which capability is used
• For Rel-16 PDCCH monitoring capability,
o The limit C on the maximum number of non-overlapping CCEs for channel estimation per PDCCH monitoring span is the same across different spans within a slot, each span can cover CSS and/or USS
o PDCCH dropping is performed in a span if needed   
 PDCCH overbooking and PDCCH dropping are only allowed on PCell and PSCell
 FFS PDCCH overbooking and PDCCH dropping are not performed in all spans in a slot
• PDCCH overbooking and PDCCH dropping are only performed in the span with CSS present 
o The maximum number of monitored PDCCH candidates per span is
 M1 per span for (2, 2)
 M2 per span for (4, 3)
 M3 per span for (7, 3)
 Note: 
• The total number of monitored PDCCH candidates is not smaller than the limit per slot in Rel-15
• The value of M1, M2 and M3 can be different and SCS dependent 
o Note: PDCCH overbooking and PDCCH dropping are not performed per slot
</t>
    <phoneticPr fontId="10"/>
  </si>
  <si>
    <t>resourceAllocation-ForDCIFormat1_2</t>
    <phoneticPr fontId="10"/>
  </si>
  <si>
    <t>Configuration for DCI format 1_2, defined in the same way as in section 6.3.2 in 38.331 for resourceAllocation</t>
    <phoneticPr fontId="10"/>
  </si>
  <si>
    <t>As defined in section 6.3.2 in 38.331 for resourceAllocation</t>
    <phoneticPr fontId="10"/>
  </si>
  <si>
    <t>resourceAllocation-ForDCIFormat0_2</t>
    <phoneticPr fontId="10"/>
  </si>
  <si>
    <t>Configuration for DCI format 0_2, defined in the same way as in section 6.3.2 in 38.331 for resourceAllocation</t>
    <phoneticPr fontId="10"/>
  </si>
  <si>
    <t>38.212, 38.213</t>
    <phoneticPr fontId="10"/>
  </si>
  <si>
    <t>Section 7.3.1 for 38.212
Section 9 for 38.213</t>
    <phoneticPr fontId="10"/>
  </si>
  <si>
    <t>PriorityIndicator-ForDCIFormat0_2</t>
    <phoneticPr fontId="10"/>
  </si>
  <si>
    <t>Configure the presence of "priority indicator" in DCI format 0_2. When the field "PriorityIndicator-ForDCIFormat0_2" is absent in the IE, then 0 bit for "Tpriority indicator" in DCI format 0_2.</t>
    <phoneticPr fontId="10"/>
  </si>
  <si>
    <t xml:space="preserve">Working assumption:
When a single PDSCH/PUSCH processing timeline is configured in the carrier, at least when only DCI format 0_1/1_1 is configured or only DCI format 0_2/1_2 is configured in USS per BWP, a DCI format (from the formats 0_1/1_1/0_2/1_2) can be used to schedule PDSCH with different HARQ-ACK priorities or PUSCH with different priorities. 
 1-bit field in DCI can be configured as the PHY identification of the priority
 No indication of different priorities by DCI formats 0_0/1_0
Agreement
When both DCI format 0_1/1_1 and DCI format 0_2/1_2 are configured to be monitored per BWP, a DCI format (from the formats 0_1/1_1/0_2/1_2) can be used to schedule PDSCH with different HARQ-ACK priorities or PUSCH with different priorities.
- This feature is UE optional 
NOTE: Please note that for now we only have agreement to use this 1-bit field in DCI when only DCI format 0_1/1_1 is configured or only DCI format 0_2/1_2 is configured in USS per BWP. Further update on the description here may be updated depending on further agreement on other cases.  </t>
    <phoneticPr fontId="10"/>
  </si>
  <si>
    <t>PriorityIndicator-ForDCIFormat0_1</t>
    <phoneticPr fontId="10"/>
  </si>
  <si>
    <t>Configure the presence of "priority indicator" in DCI format 0_1. When the field "PriorityIndicator-ForDCIFormat0_1" is absent in the IE, then 0 bit for "Tpriority indicator" in DCI format 0_1.</t>
    <phoneticPr fontId="10"/>
  </si>
  <si>
    <t xml:space="preserve">Working assumption:
When a single PDSCH/PUSCH processing timeline is configured in the carrier, at least when only DCI format 0_1/1_1 is configured or only DCI format 0_2/1_2 is configured in USS per BWP, a DCI format (from the formats 0_1/1_1/0_2/1_2) can be used to schedule PDSCH with different HARQ-ACK priorities or PUSCH with different priorities. 
 1-bit field in DCI can be configured as the PHY identification of the priority
 No indication of different priorities by DCI formats 0_0/1_0
Agreement
When both DCI format 0_1/1_1 and DCI format 0_2/1_2 are configured to be monitored per BWP, a DCI format (from the formats 0_1/1_1/0_2/1_2) can be used to schedule PDSCH with different HARQ-ACK priorities or PUSCH with different priorities.
- This feature is UE optional 
NOTE: Please note that for now we only have agreement to use this 1-bit field in DCI when only DCI format 0_1/1_1 is configured or only DCI format 0_2/1_2 is configured in USS per BWP. Further update on the description here may be updated depending on further agreement on other cases.  </t>
    <phoneticPr fontId="10"/>
  </si>
  <si>
    <t>PriorityIndicator-ForDCIFormat1_2</t>
    <phoneticPr fontId="10"/>
  </si>
  <si>
    <t>Configure the presence of "priority indicator" in DCI format 1_2. When the field "PriorityIndicator-ForDCIFormat1_2" is absent in the IE, then 0 bit for "Tpriority indicator" in DCI format 1_2.</t>
    <phoneticPr fontId="10"/>
  </si>
  <si>
    <t>PriorityIndicator-ForDCIFormat1_1</t>
    <phoneticPr fontId="10"/>
  </si>
  <si>
    <t>Configure the presence of "priority indicator" in DCI format 1_1. When the field "PriorityIndicator-ForDCIFormat1_1" is absent in the IE, then 0 bit for "Tpriority indicator" in DCI format 1_1.</t>
    <phoneticPr fontId="10"/>
  </si>
  <si>
    <t>Section 7.3.1 for 38.212
Section 6.1 for 38.214</t>
    <phoneticPr fontId="10"/>
  </si>
  <si>
    <t>frequencyHopping-ForDCIFormat0_1</t>
    <phoneticPr fontId="10"/>
  </si>
  <si>
    <t>Configuration of the frequency hopping scheme for DCI format 0_1 when PUSCHRepTypeIndicator-ForDCIFormat0_1 is set to ‘pusch-RepTypeB’</t>
    <phoneticPr fontId="10"/>
  </si>
  <si>
    <t>Frequency hopping is not enabled if the field is absent and PUSCHRepTypeIndicator-ForDCIFormat0_1 is set to ‘pusch-RepTypeB’</t>
    <phoneticPr fontId="10"/>
  </si>
  <si>
    <t>Section 6.1 for 38.214</t>
    <phoneticPr fontId="10"/>
  </si>
  <si>
    <t>PUSCH-TimeDomainResourceAllocation-ForDCIformat0_1;
PUSCH-TimeDomainResourceAllocation-ForDCIformat0_2</t>
    <phoneticPr fontId="10"/>
  </si>
  <si>
    <t>Configure the number of repetitions.
numberofrepetitions is always present in PUSCH-TimeDomainResourceAllocationList-ForDCIformat0_1 and PUSCH-TimeDomainResourceAllocationList-ForDCIformat0_2</t>
    <phoneticPr fontId="10"/>
  </si>
  <si>
    <t>startSymbol</t>
    <phoneticPr fontId="10"/>
  </si>
  <si>
    <t xml:space="preserve">Configuration of an index of start symbol </t>
    <phoneticPr fontId="10"/>
  </si>
  <si>
    <t>0..13</t>
    <phoneticPr fontId="10"/>
  </si>
  <si>
    <t>Configuration of length</t>
    <phoneticPr fontId="10"/>
  </si>
  <si>
    <t>1..14</t>
    <phoneticPr fontId="10"/>
  </si>
  <si>
    <t xml:space="preserve">frequencyHopping-PUSCHRepTypeB </t>
    <phoneticPr fontId="10"/>
  </si>
  <si>
    <t xml:space="preserve">Configuration of the frequency hopping scheme for Type 1 CG when PUSCHRepTypeIndicator-ForType1Configuredgrant is set to ‘pusch-RepTypeB’. </t>
    <phoneticPr fontId="10"/>
  </si>
  <si>
    <t>Frequency hopping is not enabled if the field is absent and PUSCHRepTypeIndicator-ForType1Configuredgrant is set to ‘pusch-RepTypeB’.</t>
    <phoneticPr fontId="10"/>
  </si>
  <si>
    <t xml:space="preserve">InvalidSymbolPattern </t>
    <phoneticPr fontId="10"/>
  </si>
  <si>
    <t>Indicates one pattern for invalid symbols for PUSCH transmission repetition type B applicable to both DCI format 0_1 and 0_2. If InvalidSymbolPattern is not configured, semi-static flexible symbols are used for PUSCH. Segmentation occurs only around semi-static DL symbols. If InvalidSymbolPattern is configured and InvalidSymbolPatternIndicator-ForDCIFormat0_2 is not configured, segmentation occurs around semi-static DL symbols and invalid symbols in the pattern, and the remaining symbols are used for PUSCH</t>
    <phoneticPr fontId="10"/>
  </si>
  <si>
    <t xml:space="preserve">As defined in section 6.3.2 in 38.331 for rateMatchPattern with removing "resourceBlocks" and "controlResourceSet" as below:
SEQUENCE { 
symbols CHOICE { 
oneSlot BIT STRING (SIZE (14)), 
twoSlots BIT STRING (SIZE (28)) 
}, 
periodicityAndPattern CHOICE { 
n2 BIT STRING (SIZE (2)), 
n4 BIT STRING (SIZE (4)), 
n5 BIT STRING (SIZE (5)), 
n8 BIT STRING (SIZE (8)), 
n10 BIT STRING (SIZE (10)), 
n20 BIT STRING (SIZE (20)), 
n40 BIT STRING (SIZE (40)) 
} OPTIONAL, -- Need S 
}
Note: symbolsInResourceBlock is changed to "symbols" here since "resourceBlocks" is removed from the structure and the parameter is only for time-domain indication </t>
    <phoneticPr fontId="10"/>
  </si>
  <si>
    <t xml:space="preserve">Agreement (RRC impact)
For DG PUSCH with PUSCH repetition type B, if dynamic SFI is configured, introduce a first RRC parameter that indicates one pattern for invalid symbols for PUSCH transmission repetition type B applicable to both DCI format 0_1 and 0_2, and introduce a second RRC parameter for each of DCI format 0_1 and 0_2 to indicate the presence of an additional bit in the DCI to indicate whether the pattern applies or not.
- If the first RRC parameter is not configured, semi-static flexible symbols are used for PUSCH. Segmentation occurs only around semi-static DL symbols.
- If the first RRC parameter is configured and the additional bit exists in a DCI, 
o Value ‘0’ means semi-static flexible symbols are used for PUSCH, and segmentation occurs only around semi-static DL symbols.
o Value ‘1’ means that segmentation occurs around semi-static DL symbols and invalid symbols in the pattern, and the remaining symbols are used for PUSCH.
- If the first RRC parameter is configured and the additional bit does not exist in a DCI, segmentation occurs around semi-static DL symbols and invalid symbols in the pattern, and the remaining symbols are used for PUSCH.
- The first RRC parameter reuses the pattern definition of rateMatchPattern in time domain for PDSCH.
</t>
    <phoneticPr fontId="10"/>
  </si>
  <si>
    <t>InvalidSymbolPatternIndicator-ForDCIFormat0_2</t>
    <phoneticPr fontId="10"/>
  </si>
  <si>
    <t xml:space="preserve">Indicate the presence of an additional bit in the DCI to indicate whether the pattern applies or not. If InvalidSymbolPattern is not configured, then 0 bit for "Invalid Symbol Pattern Indicator" in DCI format0_2.
</t>
    <phoneticPr fontId="10"/>
  </si>
  <si>
    <t>InvalidSymbolPatternIndicator-ForDCIFormat0_1</t>
    <phoneticPr fontId="10"/>
  </si>
  <si>
    <t xml:space="preserve">Indicate the presence of an additional bit in the DCI to indicate whether the pattern applies or not. If InvalidSymbolPattern is not configured, then 0 bit for "Invalid Symbol Pattern Indicator" in DCI format0_1.
</t>
    <phoneticPr fontId="10"/>
  </si>
  <si>
    <t>monitoringSlotPeriodicityAndOffset</t>
    <phoneticPr fontId="10"/>
  </si>
  <si>
    <t>Slots for PDCCH Monitoring configured as periodicity and offset. If the UE is configured to monitor DCI format 2_4, the maximum monitoring periodicity for UL CI is 10 slots.</t>
    <phoneticPr fontId="10"/>
  </si>
  <si>
    <t>As defined in section 6.3.2 in 38.331 for monitoringSlotPeriodicityAndOffset</t>
    <phoneticPr fontId="10"/>
  </si>
  <si>
    <t xml:space="preserve">Agreements:
• The maximum UL CI monitoring periodicity is 10 slots.
• Up to X BDs can be configured per UL CI monitoring occasion, X to be decided between X=1 or X=2 in RAN1#100bis.
</t>
    <phoneticPr fontId="10"/>
  </si>
  <si>
    <t>OLPCParameterSet-ForDCIFormat0_1</t>
    <phoneticPr fontId="10"/>
  </si>
  <si>
    <t>Configure the number of bits for Open-loop power control parameter set indication for DCI format 0_1 in case SRI is not configured in the DCI. 2 bits is applicable only if SRI is not present in the DCI.</t>
    <phoneticPr fontId="10"/>
  </si>
  <si>
    <t xml:space="preserve">Agreement
To determine the P0 value in case SRI is not configured in the DCI
• Option 1A: The open-loop power control parameter set indication field in the DCI can be configurable to be 1 or 2bits
 P0-PUSCH-Set can provide up to two P0 values
 UE uses the P0 values according to open loop power control indication field in DCI 
 UE use P0 from P0-PUSCH-AlphaSet when
 open-loop power control parameter set indication field is 1bit and “0” is indicated, or
 open-loop power control parameter set indication field is 2bits and “00” is indicated
 Open-loop power control parameter set indication field can be separately configurable for DCI format 0_1 and DCI format 0_2
 If open-loop power control parameter set indication field is not present for a DCI format, use P0 from P0-PUSCH-AlphaSet
 A single configuration of P0-PUSCH-Set applies to both DCI format 0_1 and DCI format 0_2
</t>
    <phoneticPr fontId="10"/>
  </si>
  <si>
    <t>Section 7.3.1 for 38.212
Section 11 for 38.213</t>
    <phoneticPr fontId="10"/>
  </si>
  <si>
    <t>OLPCParameterSet-ForDCIFormat0_2</t>
    <phoneticPr fontId="10"/>
  </si>
  <si>
    <t>Configure the number of bits for Open-loop power control parameter set indication for DCI format 0_2 in case SRI is not configured in the DCI. 2 bits is applicable only if SRI is not present in the DCI.</t>
    <phoneticPr fontId="10"/>
  </si>
  <si>
    <t>Section 6.1.2.1 for 38.214</t>
    <phoneticPr fontId="10"/>
  </si>
  <si>
    <t>CSI-ReportConfig</t>
    <phoneticPr fontId="10"/>
  </si>
  <si>
    <t>reportSlotOffsetList-r16-ForDCIFormat0_2</t>
    <phoneticPr fontId="10"/>
  </si>
  <si>
    <t>Configuration of timing offset Y for semi persistent reporting using PUSCH scheduled by DCI format 0_2, defined in the same way as in section 6.3.2 in 38.331 for reportSlotOffsetList with "maxNrofUL-Allocations" changed to "maxNrofUL-Allocations-Rel16"</t>
    <phoneticPr fontId="10"/>
  </si>
  <si>
    <t xml:space="preserve">As defined in section 6.3.2 in 38.331 for maxNrofUL-Allocations with "maxNrofUL-Allocations" changed to "maxNrofUL-Allocations-Rel16" </t>
    <phoneticPr fontId="10"/>
  </si>
  <si>
    <t xml:space="preserve">Agreements:
Introduce reportSlotOffsetList-r16-ForDCIFormat0_1and reportSlotOffsetList-r16-ForDCIFormat0_2 and update TS 38.214 accordingly
• FFS whether or not to always assume the number of nominal repetitions is equal to 1 when PUSCH with repetition Type B carries A-CSI/SP-CSI only.
Note: Endorsed TPs can be found in R1-2001401 for more information
</t>
    <phoneticPr fontId="10"/>
  </si>
  <si>
    <t>38.214</t>
    <phoneticPr fontId="10"/>
  </si>
  <si>
    <t>Section 5.2.1 for 38.214</t>
    <phoneticPr fontId="10"/>
  </si>
  <si>
    <t>[CSI-SemiPersistentOnPUSCH-TriggerStateList-ForDCIFormat0_2]</t>
    <phoneticPr fontId="10"/>
  </si>
  <si>
    <t>Configuration for DCI format 0_2, defined in the same way as in section 6.3.2 in 38.331 for CSI-SemiPersistentOnPUSCH-TriggerStateList</t>
    <phoneticPr fontId="10"/>
  </si>
  <si>
    <t>As defined in section 6.3.2 in 38.331 for CSI-SemiPersistentOnPUSCH-TriggerStateList</t>
    <phoneticPr fontId="10"/>
  </si>
  <si>
    <t>See editor's note in section 5.2.1 in TS 38.214 in R1-1913198</t>
    <phoneticPr fontId="10"/>
  </si>
  <si>
    <t>Section 7.3.1 for 38.212
Section 6.1.2.1 for 38.214</t>
    <phoneticPr fontId="10"/>
  </si>
  <si>
    <t>PUSCH-Config</t>
    <phoneticPr fontId="10"/>
  </si>
  <si>
    <t>NumberofbitsforRV-ForDCIFormat0_2</t>
    <phoneticPr fontId="10"/>
  </si>
  <si>
    <t>Configure the number of bits for “Redundancy version” in the DCI format 0_2</t>
    <phoneticPr fontId="10"/>
  </si>
  <si>
    <t xml:space="preserve">Note: There is no explicit agreement for DCI format 0_2, but according to the agreement below for PUSCH and agreement for DCI format 1_2, this RRC parameter is straightforward to be included.
Agreements:
Support configurable number of bits (0 or 1 or 2 bits) for “Redundancy version” in the new DCI format for DL scheduling for Rel-16 URLLC.
• If 0 bit is configured, RV0 is used. 
• If 1 bit is configured, RV0 and RV3 are indicated dynamically 
Agreement
For DG PUSCH with PUSCH repetition type B, the RV for the first repetition is provided by DCI, and RV cycling is done across the repetitions using the RV sequence of {0, 2, 3, 1}.
• FFS “repetition” means nominal or actual repetition
</t>
    <phoneticPr fontId="10"/>
  </si>
  <si>
    <t>maxCI-DCI-PayloadSize</t>
    <phoneticPr fontId="10"/>
  </si>
  <si>
    <t>Maximum number of the DCI size for CI</t>
    <phoneticPr fontId="10"/>
  </si>
  <si>
    <t xml:space="preserve">Agreements:
• The maximum size for dci-PayloadSize-forCI is 126
</t>
    <phoneticPr fontId="10"/>
  </si>
  <si>
    <t>aperiodic-ZP-CSI-RS-ResourceSetsToReleaseList-ForDCIFormat1_2</t>
    <phoneticPr fontId="10"/>
  </si>
  <si>
    <t>Configuration for DCI format 1_2, defined in the same way as in section 6.3.2 in 38.331 for aperiodic-ZP-CSI-RS-ResourceSetsToReleaseList</t>
    <phoneticPr fontId="10"/>
  </si>
  <si>
    <t>As defined in section 6.3.2 in 38.331 for aperiodic-ZP-CSI-RS-ResourceSetsToReleaseList</t>
    <phoneticPr fontId="10"/>
  </si>
  <si>
    <t xml:space="preserve">Agreements:
Support configurable number of bits for the following fields for DL DCI format scheduling Rel-16 URLLC.
• Carrier indicator (0 bit or at least one non-zero bit)
• PRB bundling size indicator (0 or 1 bit)
• Rate matching indicator (0, 1 or 2 bits)
• ZP CSI-RS trigger (0, 1 or 2 bits)
Note: The parameter is used to determine the number of bits for the field "ZP CSI-RS trigger" in new DCI format for DL scheduling as in Rel-15. 
</t>
    <phoneticPr fontId="10"/>
  </si>
  <si>
    <t>srs-ResourceSetToReleaseList-ForDCIFormat0_2</t>
    <phoneticPr fontId="10"/>
  </si>
  <si>
    <t>Configuration for DCI format 0_2, defined in the same way as in section 6.3.2 in 38.331 for srs-ResourceSetToReleaseList</t>
    <phoneticPr fontId="10"/>
  </si>
  <si>
    <t>As defined in section 6.3.2 in 38.331 for srs-ResourceSetToReleaseList</t>
    <phoneticPr fontId="10"/>
  </si>
  <si>
    <t xml:space="preserve">
Agreements:
• For “SRS resource indicator” in DCI format 0_2, 
o Introduce new RRC parameters maxMIMO-Layers-ForDCIFormat0_2 and srs-ResourceSetToAddModList-ForDCIFormat0_2 
o The number of bits for SRS resource indicator field in DCI format 0_2 is determined in the same way as Rel-15 DCI format 0_1. 
• Same RRC configuration by Rel-15 higher layer parameter txConfig is applied to both DCI formats 0_1 and 0_2
</t>
    <phoneticPr fontId="10"/>
  </si>
  <si>
    <t>configuredGrantConfigToReleaseList-r16</t>
    <phoneticPr fontId="10"/>
  </si>
  <si>
    <t>Release one or more UL configured grant configuration(s)</t>
    <phoneticPr fontId="10"/>
  </si>
  <si>
    <t>1..12 of Configuredgrantconfig-index</t>
    <phoneticPr fontId="10"/>
  </si>
  <si>
    <t>Agreements:
• Support separate RRC parameters for different configured grant configurations (for both type 1 and type 2 configured grants) for a given BWP of a serving cell.
o FFS whether or not some parameters can be common among different configured grant configurations 
Agreements:
• For the maximum number of UL CG configurations per BWP of a serving cell:
o 12
NOTE1: RAN2 can make any change if needed from RRC parameter structure perspective. Here we updated to align with that in R2-1914762.</t>
    <phoneticPr fontId="10"/>
  </si>
  <si>
    <t>positionInDCI-forSUL</t>
    <phoneticPr fontId="10"/>
  </si>
  <si>
    <t xml:space="preserve">Starting position (in number of bit) of the CI-PaylaodSize bit CI value applicable for SUL of this serving cell (servingCellId) within the DCI payload (see TS 38.213 [13], clause 11.x). </t>
    <phoneticPr fontId="10"/>
  </si>
  <si>
    <t xml:space="preserve">Agreements:
• Cross-carrier UL cancelation indication is supported using the same way as Rel-15 SFI/DL PI
o The indication field position in DCI for each cross-carrier indicated serving cell is configured by RRC
Agreements:
If a serving cell is configured with SUL, each UL carrier (SUL and non-SUL) can be configured with different positionInDCI.
</t>
    <phoneticPr fontId="10"/>
  </si>
  <si>
    <t>reportSlotOffsetList-r16-ForDCIFormat0_1</t>
    <phoneticPr fontId="10"/>
  </si>
  <si>
    <t>Configuration of timing offset Y for semi persistent reporting using PUSCH scheduled by DCI format 0_1, defined in the same way as in section 6.3.2 in 38.331 for reportSlotOffsetList with "maxNrofUL-Allocations" changed to "maxNrofUL-Allocations-Rel16"</t>
    <phoneticPr fontId="10"/>
  </si>
  <si>
    <t xml:space="preserve">Section 7.3.1.1.3 for 38.212
</t>
    <phoneticPr fontId="10"/>
  </si>
  <si>
    <t>AntennaPorts-FieldPresence-ForDCIFormat0_2</t>
    <phoneticPr fontId="10"/>
  </si>
  <si>
    <t xml:space="preserve">Configure the presence of "Antenna ports" field in DCI format 0_2. When the field " AntennaPorts-FieldPresence-ForDCIFormat0_2" is configured, then the "Antenna ports" field is present in DCI format 0_2. Otherwise, the field size is set to 0 for DCI format 0_2.  </t>
    <phoneticPr fontId="10"/>
  </si>
  <si>
    <t xml:space="preserve">Agreements:
Introduce independent RRC parameters AntennaPorts-FieldPresence-ForDCIFormat0_2 for DCI format 0_2 and AntennaPorts-FieldPresence-ForDCIFormat1_2 for DCI format 1_2.
Note: The parameter is used to enable 0 for "Antenna port(s)" in DCI format 0_2 while one or more of dmrs-UplinkForPUSCH-MappingTypeA-ForDCIFormat0_2 and dmrs-UplinkForPUSCH-MappingTypeB-ForDCIFormat0_2 is configured to a UE. If none of dmrs-UplinkForPUSCH-MappingTypeA-ForDCIFormat0_2 and dmrs-UplinkForPUSCH-MappingTypeB-ForDCIFormat0_2 is configured to the UE, then the parameter AntennaPorts-FieldPresence-ForDCIFormat0_2 is not configured either. </t>
    <phoneticPr fontId="10"/>
  </si>
  <si>
    <t xml:space="preserve">Section 7.3.1.2.3 for 38.212
</t>
    <phoneticPr fontId="10"/>
  </si>
  <si>
    <t>AntennaPorts-FieldPresence-ForDCIFormat1_2</t>
    <phoneticPr fontId="10"/>
  </si>
  <si>
    <t xml:space="preserve">Configure the presence of "Antenna port(s)" field in DCI format 1_2. When the field " AntennaPorts-FieldPresence-ForDCIFormat1_2" is configured, then the "Antenna ports" field is present in DCI format 1_2. Otherwise, the “Antenna ports’ field size is set to 0 for DCI format 1_2.  </t>
    <phoneticPr fontId="10"/>
  </si>
  <si>
    <t xml:space="preserve">Agreements:
Introduce independent RRC parameters AntennaPorts-FieldPresence-ForDCIFormat0_2 for DCI format 0_2 and AntennaPorts-FieldPresence-ForDCIFormat1_2 for DCI format 1_2.
Note: The parameter is used to enable 0 for "Antenna port(s)" in DCI format 1_2 while one or more of dmrs-DownlinkForPDSCH-MappingTypeA-ForDCIFormat1_2 and dmrs-DownlinkForPDSCH-MappingTypeB-ForDCIFormat1_2 is configured to a UE. If none of dmrs-DownlinkForPDSCH-MappingTypeA-ForDCIFormat1_2 and dmrs-DownlinkForPDSCH-MappingTypeB-ForDCIFormat1_2 is configured to the UE,  then the parameter AntennaPorts-FieldPresence-ForDCIFormat1_2 is not configured either. </t>
    <phoneticPr fontId="10"/>
  </si>
  <si>
    <t xml:space="preserve">Section 11.2A for 38.213
</t>
    <phoneticPr fontId="10"/>
  </si>
  <si>
    <t xml:space="preserve"> timeFrequencyRegion</t>
    <phoneticPr fontId="10"/>
  </si>
  <si>
    <t>delta_offset_d</t>
    <phoneticPr fontId="10"/>
  </si>
  <si>
    <t>Configure the additional offset from the end of a PDCCH reception where the UE detects the DCI format 2_4 and the first symbol of the T_"CI"  symbols, in the unit of OFDM symbol</t>
    <phoneticPr fontId="10"/>
  </si>
  <si>
    <t>{0, 1, 2}</t>
    <phoneticPr fontId="10"/>
  </si>
  <si>
    <t xml:space="preserve">Agreement:
 “Interpretation #2” is adopted 
   UE derives the RUR start based on “logical time” (i.e. assuming DL timing difference is 0 and TA=0) and the actual cancellation symbol based on “actual time” (i.e. assuming actual DL timing difference, actual TA)
  An new RRC parameter delta_offset d having possible values {0, 1, 2} OFDM symbols is introduced, update the spec as the following 
  Clarify the following by a RAN1  spec update (the exact text can be discussed in the TP phase)
 UE is not expected to cancel the transmission of SRS or PUSCH before the first symbol that is T_(proc,2) after the end of the reception of the last symbol of the PDCCH carrying the ULCI including the effect of the timing advance.
38.213 Text proposal
An indication by a DCI format 2_4 for a serving cell is applicable to PUSCH or SRS transmissions on the serving cell. For the serving cell, the UE determines the first symbol of the T_CI symbols to be the first symbol that is after T_(proc,2)+d from the end of a PDCCH reception where the UE detects the DCI format 2_4, where d is provided by higher layers. T_(proc,2) corresponds to the PUSCH processing capability 2 [6, TS 38.214] assuming d_2,1=0 with μ being the smallest SCS configuration between the SCS configurations of the PDCCH and of a PUSCH transmission or of an SRS transmission on the serving cell. UE is not expected to cancel the transmission of SRS or PUSCH before the first symbol that is T_(proc,2) after the end of the reception of the last symbol of the PDCCH carrying the ULCI including the effect of the timing advance.
</t>
    <phoneticPr fontId="10"/>
  </si>
  <si>
    <t>Section 10 for 38.213</t>
    <phoneticPr fontId="10"/>
  </si>
  <si>
    <t>pdcch-BlindDetectionCAComb-indicator</t>
    <phoneticPr fontId="10"/>
  </si>
  <si>
    <t>Configure one combination of (pdcch-BlindDetectionCA-r15, pdcch-BlindDetectionCA-r16) for UE to use for scaling PDCCH monitoring capability if the number of serving cells configured to a UE is larger than the reported capability, and if UE reports more than one combination of (pdcch-BlindDetectionCA-R15, pdcch-BlindDetectionCA-R16) as UE capability. The combination of (pdcch-BlindDetectionCA-r15, pdcch-BlindDetectionCA-r16) configured by pdcch-BlindDetectionCAComb-indicator is from the more than one combination of (pdcch-BlindDetectionCA-R15, pdcch-BlindDetectionCA-R16) reported by UE</t>
    <phoneticPr fontId="10"/>
  </si>
  <si>
    <t xml:space="preserve">SEQUENCE {
    pdcch-BlindDetectionCA-r15                       INTEGER (1..15),
    pdcch-BlindDetectionCA-r16                       INTEGER (1..15),
}
 </t>
    <phoneticPr fontId="10"/>
  </si>
  <si>
    <t>numberInvalidSymbolsForDL-UL-Switching</t>
    <phoneticPr fontId="10"/>
  </si>
  <si>
    <t xml:space="preserve"> numberInvalidSymbolsForDL-UL-Switching</t>
    <phoneticPr fontId="10"/>
  </si>
  <si>
    <t xml:space="preserve">Indicates the number of symbols after the last semi-static DL symbol that are invalid symbols for PUSCH repetition Type B. </t>
    <phoneticPr fontId="10"/>
  </si>
  <si>
    <t>1, 2, 3, 4</t>
    <phoneticPr fontId="10"/>
  </si>
  <si>
    <t xml:space="preserve"> If it not configured, it means no symbols are explicitly defined for DL-to-UL switching.</t>
    <phoneticPr fontId="10"/>
  </si>
  <si>
    <t xml:space="preserve">Agreements:
For operation in unpaired spectrum, introduce a new RRC parameter numberInvallidSymbolsForDL-UL-Switching to indicate the number of symbols after the last semi-static DL symbol that are invalid symbols for PUSCH repetition Type B.
•       The candidate values include {1, 2, 3, 4}.
•       If not configured, it means no symbols are explicitly defined for DL-to-UL switching.
</t>
    <phoneticPr fontId="10"/>
  </si>
  <si>
    <t>Section 11.2A for 38.213</t>
    <phoneticPr fontId="10"/>
  </si>
  <si>
    <t>UplinkCancellationPriority</t>
    <phoneticPr fontId="10"/>
  </si>
  <si>
    <t>Configure uplink cancellation behavior if both UL CI and intra-UE priority indicator are configured for a given UE. If the field is present, then UL CI is only applicable to the UL transmissions indicated/configured as low priority level</t>
    <phoneticPr fontId="10"/>
  </si>
  <si>
    <t>When the RRC parameter is not provided to the UE, UL CI is applicable to UL transmission irrespective of its priority level</t>
    <phoneticPr fontId="10"/>
  </si>
  <si>
    <t xml:space="preserve">
Agreeement:
• If both UL CI and intra-UE priority indicator are configured for a given UE, support a new RRC parameter to configure Behavior #1
o Behaviour #1: UL CI is only applicable to the UL transmissions indicated/configured as low priority level
• When the RRC parameter is not provided to the UE, behaviour #2 is used
o Behaviour #2: UL CI is applicable to UL transmission irrespective of its priority level
• Note: the RRC signaling details will be decided by RAN2
</t>
    <phoneticPr fontId="10"/>
  </si>
  <si>
    <t xml:space="preserve">{aggregationLevel1, aggregationLevel2, aggregationLevel4, aggregationLevel8, aggregationLevel16}
</t>
    <phoneticPr fontId="10"/>
  </si>
  <si>
    <r>
      <t xml:space="preserve">Agreement:
For signaling of Q for a serving cell with possible values {1,2,4,8}, the following is supported:
For operation with shared spectrum channel access, the UE interprets the following 2 bits of the Rel-15 MIB for providing the value of Q
</t>
    </r>
    <r>
      <rPr>
        <sz val="8"/>
        <color rgb="FF0070C0"/>
        <rFont val="Wingdings"/>
        <family val="2"/>
        <charset val="2"/>
      </rPr>
      <t></t>
    </r>
    <r>
      <rPr>
        <sz val="8"/>
        <color rgb="FF0070C0"/>
        <rFont val="Arial"/>
        <family val="2"/>
      </rPr>
      <t xml:space="preserve">	ssbSubcarrierSpacingCommon (1 bit)
</t>
    </r>
    <r>
      <rPr>
        <sz val="8"/>
        <color rgb="FF0070C0"/>
        <rFont val="Wingdings"/>
        <family val="2"/>
        <charset val="2"/>
      </rPr>
      <t></t>
    </r>
    <r>
      <rPr>
        <sz val="8"/>
        <color rgb="FF0070C0"/>
        <rFont val="Arial"/>
        <family val="2"/>
      </rPr>
      <t xml:space="preserve">	LSB of ssb-SubcarrierOffset (1 bit)</t>
    </r>
  </si>
  <si>
    <r>
      <rPr>
        <strike/>
        <sz val="8"/>
        <color rgb="FF0070C0"/>
        <rFont val="Arial"/>
        <family val="2"/>
      </rPr>
      <t xml:space="preserve">Each value is a CRB index. For every two values, the first/second is the lowest/highest CRB of a guard band between two RB sets.
RAN2 to decide on the format of intraCellGuardBandUL-r16 for the case when no intra-carrier guard-bands are configured for a carrier.
</t>
    </r>
    <r>
      <rPr>
        <sz val="8"/>
        <rFont val="Arial"/>
        <family val="2"/>
      </rPr>
      <t xml:space="preserve">
</t>
    </r>
    <r>
      <rPr>
        <sz val="8"/>
        <color rgb="FF0070C0"/>
        <rFont val="Arial"/>
        <family val="2"/>
      </rPr>
      <t>RAN2 updated the definition of each intra-cell guard band as the starting CRB and number of CRB</t>
    </r>
  </si>
  <si>
    <t>Agreement:
•	1 symbol duration is included for each numerology (approx. 71 us, 35 us, 17 us respectively). 
o	This is a natural consequence of previous agreement: The L1 averaging duration of RSSI measurements (within a configured measurement duration) is limited to 1 OFDM symbol of a configured reference subcarrier spacing.
•	Retain LTE LAA values {sym1, sym14, sym28, sym42, sym70} at least for 15 kHz numerology
•	Measurement duration can be no more than 5 ms for each numerology (requires sym70, sym140, sym280/sym240 respectively)</t>
  </si>
  <si>
    <t>Agreement:
•	A timer is configured as a number of slots, which is decremented at the end of each slot.
...
•	The groups of serving cells to which the above behaviour is applicable can be configured via RRC</t>
  </si>
  <si>
    <t xml:space="preserve">Add in PUCCH-Resource. Indicates the first interlace that is allocated for a PUCCH resource. 
Interlace0 is the only interlace of  interlaced PF0/1 and the first interlace for interlaced PF 2/3.Add LBTbandwidthIndex in PUCCH-Resource to indicate the LBT bandwidth location in which the PUCCH resource is configured. </t>
  </si>
  <si>
    <t>(Period)</t>
  </si>
  <si>
    <t>{1ms, 2ms, 2.5ms, 4ms, 5ms, 10ms}</t>
  </si>
  <si>
    <r>
      <t>D</t>
    </r>
    <r>
      <rPr>
        <sz val="8"/>
        <rFont val="游ゴシック"/>
        <family val="2"/>
        <charset val="128"/>
      </rPr>
      <t>uration</t>
    </r>
    <r>
      <rPr>
        <sz val="8"/>
        <rFont val="Arial"/>
        <family val="2"/>
      </rPr>
      <t>: number of slots where DL transmissions can be assumed within UE initiated COT. 
O</t>
    </r>
    <r>
      <rPr>
        <sz val="8"/>
        <rFont val="游ゴシック"/>
        <family val="2"/>
        <charset val="128"/>
      </rPr>
      <t>ffset</t>
    </r>
    <r>
      <rPr>
        <sz val="8"/>
        <rFont val="Arial"/>
        <family val="2"/>
      </rPr>
      <t xml:space="preserve">: DL offset indicates starting slot of DL transmission indicated in number of slots from the end of the slot where the indicated D&gt;0
</t>
    </r>
    <r>
      <rPr>
        <sz val="8"/>
        <color rgb="FF0070C0"/>
        <rFont val="Arial"/>
        <family val="2"/>
      </rPr>
      <t>Agreement:
For sharing of channel occupancy from UL to DL
•	For the value of X, follow the same value range as for O and D with the step size of [14] symbols
•	The maximum value of O and D is 39 slots
•	“no COT sharing” is indicated by a specific row in the table, e.g. index 0</t>
    </r>
  </si>
  <si>
    <r>
      <t xml:space="preserve">A table for COT sharing combinations.
One combination indicates no sharing. FFS which one
Applicable when ULtoDL-CO-SharingED-Threshold-r16 is configured
</t>
    </r>
    <r>
      <rPr>
        <sz val="8"/>
        <color rgb="FF0070C0"/>
        <rFont val="Arial"/>
        <family val="2"/>
      </rPr>
      <t>Agreement:
For sharing of channel occupancy from UL to DL
•	For the value of X, follow the same value range as for O and D with the step size of [14] symbols
•	The maximum value of O and D is 39 slots
•	“no COT sharing” is indicated by a specific row in the table, e.g. index 0</t>
    </r>
  </si>
  <si>
    <r>
      <t xml:space="preserve">If no configured, the guard bands are derived from RAN4 spec
</t>
    </r>
    <r>
      <rPr>
        <sz val="8"/>
        <color rgb="FF0070C0"/>
        <rFont val="Arial"/>
        <family val="2"/>
      </rPr>
      <t>Agreement from RAN1 100bis-e
To support UL bandwidth part wider than 20 MHz with no intra-cell guard band, UE can be configured with zero GBs by setting GB width to 0 when configuring intraCellGuardBandUL-r16 (e.g., such gNB creates 4 RB-sets in 80MHz UL carrier).
Agreement:
For an UL carrier without intra-cell guard bands when the parameter useInterlacePUCCH-PUCCH is configured in any of BWP-UplinkCommon and BWP-UplinkDedicated:
•	The UL carrier can be configured with  non-overlapping RB set(s)
•	For each RB set except for RB set 0, the starting CRB index is given by startCRB-r16
•	For RB set 0, the starting CRB index is given by  
•	The UE expects nrofCRBs-r16 set to 0 for all GBs between two adjacent RB sets within the UL carrier.
•	The UE expects N RBs contained in each interlace of each RB set, wherein 10 &lt;= N &lt;= 11.
•	For 30 kHz SCS, the number of RBs within any RB set is between 50 and 55, and for 15 kHz SCS, the number of RBs within any RB set is between 100 and 110
•	Note: This configuration may be used for the case where transmission only occurs in a BWP if LBT is successful in all RB sets within the BWP (from RAN1#99 agreement)
•	Note: It’s up to gNB’s configuration to fulfill RAN4 requirement with  e.g., on maximum transmission bandwidth configuration, spectral emission mask, and so on.
•	Note: In order to reuse existing PUCCH/PUSCH resource allocation mechanisms, this proposal applies to all supported carrier bandwidths except 10 MHz
•	FFS: Whether BWP can be configured to be partially overlapping with a RB set</t>
    </r>
  </si>
  <si>
    <r>
      <t xml:space="preserve">Agreement:
For a search space set configuration with multiple monitoring locations in the frequency domain,
o	Within the SearchSpace IE, the agreed RRC parameter freqMonitorLocations-r16 provides a bitmap (where the first bit in the bitmap corresponds to the first RB set in the BWP, and the second bit corresponds to the second RB set, and so on). For a RB set indicated in the bitmap, the first PRB of the frequency domain monitoring location confined within the RB set is aligned with {the first PRB of the RB set + rb-Offset provided by the associated CORESET configuration}.
o	The frequency domain resource allocation pattern for each monitoring location is determined based on the first A bits in frequencyDomainResources provided by the associated CORESET configuration, where A = floor({the number of available PRBs in the first RB set (accounting for rb-Offset) for the BWP}/6).
Agreement: (RAN1#98bis)
For a search space set configuration associated with multiple monitoring locations in the frequency domain (as per the previous agreement defining such a search space set associated with a CORESET confined within an LBT bandwidth):
•	PRBs allocated by frequencyDomainResources in the CORESET configuration are confined within one of LBT bandwidths within the BWP corresponding to the CORESET.
•	Within the search space set configuration associated with the CORESET, each of the one or more monitoring locations in the frequency domain corresponds to (and is confined within) an LBT bandwidth and has a frequency domain resource allocation pattern that is replicated from the pattern configured in the CORESET.
•	CORESET parameters other than frequency domain resource allocation pattern are identical for each of the one or more monitoring locations in the frequency domain.
•	Include this and the prior agreement on this issue in an LS to RAN2
</t>
    </r>
    <r>
      <rPr>
        <sz val="8"/>
        <color rgb="FF0070C0"/>
        <rFont val="Arial"/>
        <family val="2"/>
      </rPr>
      <t>Agreement (RAN1#100b-e)
For a DL cell without intra-cell guard bands
•	UE does not expect to be configured with search space with freqMonitorLocations-r16
Agreement:
The number of PDCCH candidates per aggregation level configured by nrofCandidates or nrofCandidates-SFI within a SearchSpace IE applies to each of RB sets configured by freqMonitorLocations-r16.
•	nrofCandidates-SFI is 1 for a search space configured with freqMonitorLocations-r16</t>
    </r>
  </si>
  <si>
    <t>INTEGER(0..5)
0 if not configured and associated with at least one search space set with freqMonitorLocations-r16</t>
  </si>
  <si>
    <t>Cell-specific or UE-specific</t>
  </si>
  <si>
    <r>
      <rPr>
        <strike/>
        <sz val="8"/>
        <color rgb="FF0070C0"/>
        <rFont val="Arial"/>
        <family val="2"/>
      </rPr>
      <t xml:space="preserve">Each value is a CRB index. For every two values, the first/second is the lowest/highest CRB of a guard band between two RB sets.
</t>
    </r>
    <r>
      <rPr>
        <sz val="8"/>
        <color rgb="FF0070C0"/>
        <rFont val="Arial"/>
        <family val="2"/>
      </rPr>
      <t>RAN2 to decide on the format of intraCellGuardBandDL-r16 for the case when no intra-carrier guard-bands are configured for a carrier.</t>
    </r>
    <r>
      <rPr>
        <strike/>
        <sz val="8"/>
        <color rgb="FF0070C0"/>
        <rFont val="Arial"/>
        <family val="2"/>
      </rPr>
      <t xml:space="preserve">
</t>
    </r>
    <r>
      <rPr>
        <sz val="8"/>
        <rFont val="Arial"/>
        <family val="2"/>
      </rPr>
      <t xml:space="preserve">
</t>
    </r>
    <r>
      <rPr>
        <sz val="8"/>
        <color rgb="FF0070C0"/>
        <rFont val="Arial"/>
        <family val="2"/>
      </rPr>
      <t>RAN2 updated the definition of each intra-cell guard band as the starting CRB and number of CRB</t>
    </r>
  </si>
  <si>
    <t>SEQUENCE (SIZE (1..[4])) OF GuardBand-r16</t>
  </si>
  <si>
    <t>GuardBand-r16</t>
  </si>
  <si>
    <t>Defines the intracell guard band with starting CRB and number of CRB</t>
  </si>
  <si>
    <t xml:space="preserve">{startCRB-r16, nrofCRBs-r16}
FFS value range. </t>
  </si>
  <si>
    <t>FFS value range</t>
  </si>
  <si>
    <r>
      <t xml:space="preserve">IAB-DU-Resource-Configuration-TDD-Config (final name in specification to be determined by RAN2/3)
</t>
    </r>
    <r>
      <rPr>
        <sz val="8"/>
        <color rgb="FF00B0F0"/>
        <rFont val="Arial"/>
        <family val="2"/>
      </rPr>
      <t>Two separate configurations needed in case of paired spectrum.</t>
    </r>
    <phoneticPr fontId="10"/>
  </si>
  <si>
    <t>If the parameter is configured, the UE performs PDSCH resource mapping around the REs of CRS pattern(s) in lte-CRS-PatternList-r16 and lte-CRS-PatternListSecond-r16 separately for PDSCHs associated with CORESETPoolIndex = 0 and CORESETPoolIndex = 1, respectively.
If the parameter is not configured, the UE performs PDSCH resource mapping around the REs of CRS pattern(s) in lte-CRS-PatternList-r16 and lte-CRS-PatternListSecond-r16 for PDSCHs associated with both CORESETPoolIndex = 0 and CORESETPoolIndex = 1.</t>
    <phoneticPr fontId="10"/>
  </si>
  <si>
    <r>
      <t xml:space="preserve">RAN1 will discuss whether this parameter is necessary, and if so, the details of this parameter.
For a UE configured with DL-reference DL/UL configuration in Rel-16 (including single Tx with LTE TDD PCell or LTE FDD PCell, and dual Tx cases):
- </t>
    </r>
    <r>
      <rPr>
        <b/>
        <strike/>
        <sz val="8"/>
        <rFont val="Arial"/>
        <family val="2"/>
      </rPr>
      <t>semi-statically configured LTE UL transmissions are allowed in all UL subframe</t>
    </r>
    <r>
      <rPr>
        <strike/>
        <sz val="8"/>
        <rFont val="Arial"/>
        <family val="2"/>
      </rPr>
      <t xml:space="preserve">s.
o	Note: In case of collision, LTE transmission is prioritized
o	Note: this configuration is subject to UE capability
</t>
    </r>
    <r>
      <rPr>
        <sz val="8"/>
        <rFont val="Arial"/>
        <family val="2"/>
      </rPr>
      <t>Conclusion at RAN1#100-e:
•	no need to introduce the R16 RRC parameter “Semi-static-LTE-UL-in-all-subframes”.</t>
    </r>
    <phoneticPr fontId="10"/>
  </si>
  <si>
    <r>
      <t>Applicable to a cross-carrier scheduled SCell only.</t>
    </r>
    <r>
      <rPr>
        <u/>
        <sz val="8"/>
        <rFont val="Arial"/>
        <family val="2"/>
      </rPr>
      <t xml:space="preserve"> The parameter could also be placed on CellGroupConfig or ServingCellConfig.</t>
    </r>
  </si>
  <si>
    <t xml:space="preserve">Indicates the bitmap of the resource pool, which is defined by repeating the bitmap with a periodicity during a SFN or DFN cycle </t>
    <phoneticPr fontId="13" type="noConversion"/>
  </si>
  <si>
    <t>Indicates the set of PSSCH DMRS time domain patters in terms of PSSCH DMRS symbols in a slot that can be used in the resource pool.
FFS in RAN1 whether the set is common or different in slots with PSFCH and slots without PSFCH</t>
    <phoneticPr fontId="10"/>
  </si>
  <si>
    <t>{qam256}, {qam64LowSE}, {qam256, qam64LowSE}</t>
    <phoneticPr fontId="10"/>
  </si>
  <si>
    <t>1, 2, 3, 6</t>
    <phoneticPr fontId="13" type="noConversion"/>
  </si>
  <si>
    <t>Indicates the filtering coefficient for long-term measurement and reference signal power derivation used for sidelink open-loop power control</t>
    <phoneticPr fontId="10"/>
  </si>
  <si>
    <t>0..496</t>
    <phoneticPr fontId="10"/>
  </si>
  <si>
    <t>0..26</t>
    <phoneticPr fontId="10"/>
  </si>
  <si>
    <t>0..6929</t>
    <phoneticPr fontId="10"/>
  </si>
  <si>
    <t>sl-FeedbackToUL-ACK-DG</t>
    <phoneticPr fontId="10"/>
  </si>
  <si>
    <t>For dynamic grant and configured grant type 2, configure the values of the PSFCH to PUCCH gap. The field PSFCH-to-HARQ_feedback timing indicator in DCI format 3_0 selects one of the configured values of the PSFCH to PUCCH gap.</t>
    <phoneticPr fontId="10"/>
  </si>
  <si>
    <t>List of 1 to 8 values from 0..15</t>
    <phoneticPr fontId="10"/>
  </si>
  <si>
    <t>[100] ms, 1000+[100] ms</t>
    <phoneticPr fontId="10"/>
  </si>
  <si>
    <t>Indicate the first OFDM symbol in a PRB used for SL CSI-RS.
FFS in RAN1 whether the set is common or different in slots with PSFCH and slots without PSFCH</t>
    <phoneticPr fontId="10"/>
  </si>
  <si>
    <t>{disabled, 1…8}</t>
    <phoneticPr fontId="10"/>
  </si>
  <si>
    <t>FFS</t>
    <phoneticPr fontId="10"/>
  </si>
  <si>
    <t>3,4,.., 160</t>
    <phoneticPr fontId="10"/>
  </si>
  <si>
    <t>FFS Per UE or Per Cell</t>
    <phoneticPr fontId="10"/>
  </si>
  <si>
    <t>Indicate offset related to SFN=0</t>
    <phoneticPr fontId="10"/>
  </si>
  <si>
    <t>0..5119</t>
    <phoneticPr fontId="10"/>
  </si>
  <si>
    <r>
      <rPr>
        <strike/>
        <sz val="8"/>
        <rFont val="Arial"/>
        <family val="2"/>
      </rPr>
      <t xml:space="preserve">UE Power Saving
</t>
    </r>
    <r>
      <rPr>
        <sz val="8"/>
        <rFont val="Arial"/>
        <family val="2"/>
      </rPr>
      <t>PDCCH WUS</t>
    </r>
  </si>
  <si>
    <t>DCP-Config</t>
  </si>
  <si>
    <r>
      <rPr>
        <strike/>
        <sz val="8"/>
        <rFont val="Arial"/>
        <family val="2"/>
      </rPr>
      <t>Per UE</t>
    </r>
    <r>
      <rPr>
        <sz val="8"/>
        <rFont val="Arial"/>
        <family val="2"/>
      </rPr>
      <t xml:space="preserve">
Per cell-group</t>
    </r>
  </si>
  <si>
    <t>PS-Offset</t>
  </si>
  <si>
    <r>
      <t xml:space="preserve">The starting searching time of DCI format 2_6 with CRC scrambled by PS-RNTI  relative to the start of </t>
    </r>
    <r>
      <rPr>
        <strike/>
        <sz val="9"/>
        <rFont val="Calibri"/>
        <family val="2"/>
      </rPr>
      <t xml:space="preserve">DRX ON </t>
    </r>
    <r>
      <rPr>
        <sz val="9"/>
        <rFont val="Calibri"/>
        <family val="2"/>
      </rPr>
      <t xml:space="preserve">drx_OnDuration  of Long DRX
</t>
    </r>
  </si>
  <si>
    <r>
      <rPr>
        <strike/>
        <sz val="8"/>
        <rFont val="Arial"/>
        <family val="2"/>
      </rPr>
      <t>[1-x  slots]</t>
    </r>
    <r>
      <rPr>
        <sz val="8"/>
        <rFont val="Arial"/>
        <family val="2"/>
      </rPr>
      <t xml:space="preserve">
[0.125, 0.25,</t>
    </r>
    <r>
      <rPr>
        <sz val="8"/>
        <color rgb="FF0000FF"/>
        <rFont val="Arial"/>
        <family val="2"/>
      </rPr>
      <t>0.375,</t>
    </r>
    <r>
      <rPr>
        <sz val="8"/>
        <rFont val="Arial"/>
        <family val="2"/>
      </rPr>
      <t xml:space="preserve">0.5, </t>
    </r>
    <r>
      <rPr>
        <sz val="8"/>
        <color rgb="FF0000FF"/>
        <rFont val="Arial"/>
        <family val="2"/>
      </rPr>
      <t xml:space="preserve">0.625, 0.75, 0.875, </t>
    </r>
    <r>
      <rPr>
        <sz val="8"/>
        <rFont val="Arial"/>
        <family val="2"/>
      </rPr>
      <t>1,</t>
    </r>
    <r>
      <rPr>
        <strike/>
        <sz val="8"/>
        <rFont val="Arial"/>
        <family val="2"/>
      </rPr>
      <t xml:space="preserve"> 2,</t>
    </r>
    <r>
      <rPr>
        <sz val="8"/>
        <rFont val="Arial"/>
        <family val="2"/>
      </rPr>
      <t xml:space="preserve"> …, </t>
    </r>
    <r>
      <rPr>
        <strike/>
        <sz val="8"/>
        <rFont val="Arial"/>
        <family val="2"/>
      </rPr>
      <t>[</t>
    </r>
    <r>
      <rPr>
        <sz val="8"/>
        <rFont val="Arial"/>
        <family val="2"/>
      </rPr>
      <t>15</t>
    </r>
    <r>
      <rPr>
        <strike/>
        <sz val="8"/>
        <rFont val="Arial"/>
        <family val="2"/>
      </rPr>
      <t>]</t>
    </r>
    <r>
      <rPr>
        <sz val="8"/>
        <rFont val="Arial"/>
        <family val="2"/>
      </rPr>
      <t xml:space="preserve">] ms
</t>
    </r>
    <r>
      <rPr>
        <strike/>
        <sz val="8"/>
        <rFont val="Arial"/>
        <family val="2"/>
      </rPr>
      <t>FFS whether or not to add extra values</t>
    </r>
  </si>
  <si>
    <t>PS-WakeUp</t>
  </si>
  <si>
    <r>
      <rPr>
        <strike/>
        <sz val="8"/>
        <rFont val="Arial"/>
        <family val="2"/>
      </rPr>
      <t xml:space="preserve">PSWakeUpOrNot </t>
    </r>
    <r>
      <rPr>
        <strike/>
        <sz val="8"/>
        <color rgb="FF0000FF"/>
        <rFont val="Arial"/>
        <family val="2"/>
      </rPr>
      <t xml:space="preserve"> </t>
    </r>
    <r>
      <rPr>
        <sz val="8"/>
        <color rgb="FF0000FF"/>
        <rFont val="Arial"/>
        <family val="2"/>
      </rPr>
      <t>ps-Wakeup</t>
    </r>
  </si>
  <si>
    <r>
      <t>When DCI format 2_6</t>
    </r>
    <r>
      <rPr>
        <strike/>
        <sz val="8"/>
        <rFont val="Arial"/>
        <family val="2"/>
      </rPr>
      <t>3_0</t>
    </r>
    <r>
      <rPr>
        <sz val="8"/>
        <rFont val="Arial"/>
        <family val="2"/>
      </rPr>
      <t xml:space="preserve"> outside active time is not detected, this parameter indicates whether UE wakes up or UE does not wake up. Default is not wake up.</t>
    </r>
  </si>
  <si>
    <r>
      <t>If a DCI format 2_6</t>
    </r>
    <r>
      <rPr>
        <strike/>
        <sz val="8"/>
        <rFont val="Arial"/>
        <family val="2"/>
      </rPr>
      <t>3_0</t>
    </r>
    <r>
      <rPr>
        <sz val="8"/>
        <rFont val="Arial"/>
        <family val="2"/>
      </rPr>
      <t xml:space="preserve"> outside Active Time is not detected by a UE, “UE wakeup or not” is configured by the higher layer signalling to address this case
o	The default is “not wake up”</t>
    </r>
  </si>
  <si>
    <r>
      <rPr>
        <strike/>
        <sz val="8"/>
        <rFont val="Arial"/>
        <family val="2"/>
      </rPr>
      <t>UE Power Saving</t>
    </r>
    <r>
      <rPr>
        <sz val="8"/>
        <rFont val="Arial"/>
        <family val="2"/>
      </rPr>
      <t xml:space="preserve">
Cross-slot scheduling</t>
    </r>
  </si>
  <si>
    <t xml:space="preserve">PDSCH-Config 
and
PUSCH-Config </t>
  </si>
  <si>
    <t>minimumSchedulingOffsetK0
and
minimumSchedulingOffsetK2</t>
  </si>
  <si>
    <r>
      <t xml:space="preserve"> 0 – </t>
    </r>
    <r>
      <rPr>
        <strike/>
        <sz val="8"/>
        <rFont val="Arial"/>
        <family val="2"/>
      </rPr>
      <t>[</t>
    </r>
    <r>
      <rPr>
        <sz val="8"/>
        <rFont val="Arial"/>
        <family val="2"/>
      </rPr>
      <t>16slot</t>
    </r>
    <r>
      <rPr>
        <strike/>
        <sz val="8"/>
        <rFont val="Arial"/>
        <family val="2"/>
      </rPr>
      <t>]</t>
    </r>
  </si>
  <si>
    <r>
      <rPr>
        <strike/>
        <sz val="8"/>
        <rFont val="Arial"/>
        <family val="2"/>
      </rPr>
      <t xml:space="preserve">UE Power Saving
</t>
    </r>
    <r>
      <rPr>
        <sz val="8"/>
        <rFont val="Arial"/>
        <family val="2"/>
      </rPr>
      <t>DL MIMO layer per BWP</t>
    </r>
  </si>
  <si>
    <t xml:space="preserve">PDSCH-Config </t>
  </si>
  <si>
    <t>DCI-Format2-6</t>
  </si>
  <si>
    <r>
      <t>dci-Format2-6</t>
    </r>
    <r>
      <rPr>
        <strike/>
        <sz val="8"/>
        <rFont val="Arial"/>
        <family val="2"/>
      </rPr>
      <t>3-0</t>
    </r>
  </si>
  <si>
    <t>sizeDCI-2-6</t>
  </si>
  <si>
    <t>PS-PositionDCI-2-6</t>
  </si>
  <si>
    <r>
      <t xml:space="preserve">Higher layer configuration of DCI format 2_6 with UE specific indication includes,
• Number of information bits of DCI format 2_6
• A starting position for 1-bit WUS, and immediately followed by X-bit additional power saving information (when configured)
</t>
    </r>
    <r>
      <rPr>
        <sz val="8"/>
        <rFont val="Wingdings"/>
        <family val="2"/>
        <charset val="2"/>
      </rPr>
      <t></t>
    </r>
    <r>
      <rPr>
        <sz val="8"/>
        <rFont val="Arial"/>
        <family val="2"/>
      </rPr>
      <t xml:space="preserve">	FFS whether the value X is implicitly derived from other configurations or explicitly configured</t>
    </r>
  </si>
  <si>
    <t>PS-TransmitPeriodicL1-RSRP</t>
  </si>
  <si>
    <r>
      <rPr>
        <strike/>
        <sz val="8"/>
        <rFont val="Arial"/>
        <family val="2"/>
      </rPr>
      <t>PS_Periodic_L1-RSRP_TransmitOrNot</t>
    </r>
    <r>
      <rPr>
        <sz val="8"/>
        <rFont val="Arial"/>
        <family val="2"/>
      </rPr>
      <t xml:space="preserve">  </t>
    </r>
    <r>
      <rPr>
        <sz val="8"/>
        <color rgb="FF0000FF"/>
        <rFont val="Arial"/>
        <family val="2"/>
      </rPr>
      <t>ps-TransmitPeriodicL1-RSRP</t>
    </r>
  </si>
  <si>
    <t>PS-TransmitOtherPeriodicCSI</t>
  </si>
  <si>
    <r>
      <rPr>
        <strike/>
        <sz val="8"/>
        <rFont val="Arial"/>
        <family val="2"/>
      </rPr>
      <t xml:space="preserve">PS-Periodic_CSI_TransmitOrNot  </t>
    </r>
    <r>
      <rPr>
        <sz val="8"/>
        <color rgb="FF0000FF"/>
        <rFont val="Arial"/>
        <family val="2"/>
      </rPr>
      <t>ps-TransmitOtherPeriodicCSI</t>
    </r>
  </si>
  <si>
    <r>
      <rPr>
        <strike/>
        <sz val="8"/>
        <rFont val="Arial"/>
        <family val="2"/>
      </rPr>
      <t>UplinkPowerSharingDAPS-HO-mode</t>
    </r>
    <r>
      <rPr>
        <sz val="8"/>
        <rFont val="Arial"/>
        <family val="2"/>
      </rPr>
      <t xml:space="preserve">
</t>
    </r>
    <r>
      <rPr>
        <sz val="8"/>
        <color rgb="FF0000FF"/>
        <rFont val="Arial"/>
        <family val="2"/>
      </rPr>
      <t xml:space="preserve">uplinkPowerSharingDAPS-Mode        </t>
    </r>
  </si>
  <si>
    <r>
      <rPr>
        <strike/>
        <sz val="8"/>
        <rFont val="Arial"/>
        <family val="2"/>
      </rPr>
      <t>p-DAPS-FR1</t>
    </r>
    <r>
      <rPr>
        <sz val="8"/>
        <rFont val="Arial"/>
        <family val="2"/>
      </rPr>
      <t xml:space="preserve">
</t>
    </r>
    <r>
      <rPr>
        <sz val="8"/>
        <color rgb="FF0000FF"/>
        <rFont val="Arial"/>
        <family val="2"/>
      </rPr>
      <t>p-DAPS-Source</t>
    </r>
  </si>
  <si>
    <r>
      <rPr>
        <strike/>
        <sz val="8"/>
        <rFont val="Arial"/>
        <family val="2"/>
      </rPr>
      <t>p-DAPS-FR2</t>
    </r>
    <r>
      <rPr>
        <sz val="8"/>
        <rFont val="Arial"/>
        <family val="2"/>
      </rPr>
      <t xml:space="preserve">
</t>
    </r>
    <r>
      <rPr>
        <sz val="8"/>
        <color rgb="FF0000FF"/>
        <rFont val="Arial"/>
        <family val="2"/>
      </rPr>
      <t>p-DAPS-Target</t>
    </r>
  </si>
  <si>
    <t>SL-FreqConfig,SL-FreqConfigCommon</t>
    <phoneticPr fontId="10"/>
  </si>
  <si>
    <t xml:space="preserve">sl-SCS-SpecificCarrierList </t>
    <phoneticPr fontId="10"/>
  </si>
  <si>
    <t>carrierBandwidth-SL</t>
    <phoneticPr fontId="10"/>
  </si>
  <si>
    <t>BWP</t>
    <phoneticPr fontId="10"/>
  </si>
  <si>
    <t xml:space="preserve">locationAndBandwidth       </t>
    <phoneticPr fontId="10"/>
  </si>
  <si>
    <t>subcarrierSpacing</t>
    <phoneticPr fontId="10"/>
  </si>
  <si>
    <t>cyclicPrefix</t>
    <phoneticPr fontId="10"/>
  </si>
  <si>
    <t>sl-AbsoluteFrequencyPointA</t>
    <phoneticPr fontId="10"/>
  </si>
  <si>
    <t>offsetToCarrier-SL</t>
    <phoneticPr fontId="10"/>
  </si>
  <si>
    <t xml:space="preserve">offsetToCarrier </t>
    <phoneticPr fontId="10"/>
  </si>
  <si>
    <t xml:space="preserve">Offset in frequency domain between Point A (lowest subcarrier of common RB 0) and the lowest usable subcarrier on this carrier in number of PRBs. </t>
    <phoneticPr fontId="10"/>
  </si>
  <si>
    <t>0..2199</t>
    <phoneticPr fontId="10"/>
  </si>
  <si>
    <t>sl-AbsoluteFrequencySSB</t>
    <phoneticPr fontId="10"/>
  </si>
  <si>
    <t>SL-SSB-TimeAllocation</t>
    <phoneticPr fontId="10"/>
  </si>
  <si>
    <t>sl-NumSSB-WithinPeriod</t>
    <phoneticPr fontId="10"/>
  </si>
  <si>
    <t>sl-TimeOffsetSSB</t>
    <phoneticPr fontId="10"/>
  </si>
  <si>
    <t>sl-TimeInterval</t>
    <phoneticPr fontId="10"/>
  </si>
  <si>
    <t>SL-SyncConfig</t>
    <phoneticPr fontId="10"/>
  </si>
  <si>
    <t>sl-SSID</t>
    <phoneticPr fontId="10"/>
  </si>
  <si>
    <t>sl-SyncPriority</t>
    <phoneticPr fontId="10"/>
  </si>
  <si>
    <t>synchPriority-SL</t>
    <phoneticPr fontId="10"/>
  </si>
  <si>
    <t>SL-ResourcePool</t>
    <phoneticPr fontId="10"/>
  </si>
  <si>
    <t>sl-SubchannelSize</t>
    <phoneticPr fontId="10"/>
  </si>
  <si>
    <t>subchannelsize</t>
    <phoneticPr fontId="10"/>
  </si>
  <si>
    <t>sl-TimeResource</t>
    <phoneticPr fontId="10"/>
  </si>
  <si>
    <t xml:space="preserve">sl-StartRB-Subchannel </t>
    <phoneticPr fontId="10"/>
  </si>
  <si>
    <t>sl-NumSubchannel</t>
    <phoneticPr fontId="10"/>
  </si>
  <si>
    <t>sl-RB-Number</t>
    <phoneticPr fontId="10"/>
  </si>
  <si>
    <t>SL-PSSCH-Config</t>
    <phoneticPr fontId="10"/>
  </si>
  <si>
    <t>sl-PSSCH-DMRS-TimePatternList</t>
    <phoneticPr fontId="10"/>
  </si>
  <si>
    <t>TimePatternPsschDmrs</t>
    <phoneticPr fontId="10"/>
  </si>
  <si>
    <t>sl-Additional-MCS-Table</t>
    <phoneticPr fontId="10"/>
  </si>
  <si>
    <t>SL-BWP-Generic</t>
    <phoneticPr fontId="10"/>
  </si>
  <si>
    <t>sl-LengthSymbols</t>
    <phoneticPr fontId="10"/>
  </si>
  <si>
    <t>sl-StartSymbol</t>
    <phoneticPr fontId="10"/>
  </si>
  <si>
    <t>SL-PSCCH-Config</t>
    <phoneticPr fontId="10"/>
  </si>
  <si>
    <t>sl-TimeResourcePSCCH</t>
    <phoneticPr fontId="10"/>
  </si>
  <si>
    <t>timeResourcePSCCH</t>
    <phoneticPr fontId="10"/>
  </si>
  <si>
    <t>sl-FreqResourcePSCCH</t>
    <phoneticPr fontId="10"/>
  </si>
  <si>
    <t>sl-DMRS-ScrambleID</t>
    <phoneticPr fontId="10"/>
  </si>
  <si>
    <t>sl-NumReservedBits</t>
    <phoneticPr fontId="10"/>
  </si>
  <si>
    <t>sl-BetaOffsets2ndSCI</t>
    <phoneticPr fontId="10"/>
  </si>
  <si>
    <t>SL-BetaOffsets</t>
    <phoneticPr fontId="10"/>
  </si>
  <si>
    <t>sl-Scaling</t>
    <phoneticPr fontId="10"/>
  </si>
  <si>
    <t>SL-PSFCH-Config</t>
    <phoneticPr fontId="10"/>
  </si>
  <si>
    <t>sl-PSFCH-Period</t>
    <phoneticPr fontId="10"/>
  </si>
  <si>
    <t>periodPSFCHresource</t>
    <phoneticPr fontId="10"/>
  </si>
  <si>
    <t>sl-PSFCH-RB-Set</t>
    <phoneticPr fontId="10"/>
  </si>
  <si>
    <t>sl-NumMuxCS-Pair</t>
    <phoneticPr fontId="10"/>
  </si>
  <si>
    <t>sl-MinTimeGapPSFCH</t>
    <phoneticPr fontId="10"/>
  </si>
  <si>
    <r>
      <t xml:space="preserve">Agreements made in RAN1#96:
• (Pre-)configuration indicates the time gap between PSFCH and the associated PSSCH for Mode 1 and Mode 2.
Agreements made in RAN1#97:
• For a PSSCH transmission with its last symbol in slot n, when the corresponding HARQ feedback is due for transmission, it is expected to be in slot n+a where a is the smallest integer larger than or equal to K with the condition that slot n+a contains PSFCH resources.
o FFS details of K
Agreements made in [98-NR-10]:
• At least, it is supported to use a single K value for all UEs in a RX resource pool
o K=2 is supported
o FFS: whether to support other K values to be used as a single K value in a resource pool
o FFS: whether to support the use of multiple K values in a resource pool
Working assumption made in [98b-NR-19]: 
</t>
    </r>
    <r>
      <rPr>
        <sz val="8"/>
        <rFont val="Wingdings"/>
        <family val="2"/>
        <charset val="2"/>
      </rPr>
      <t></t>
    </r>
    <r>
      <rPr>
        <sz val="8"/>
        <rFont val="Arial"/>
        <family val="2"/>
      </rPr>
      <t xml:space="preserve">A single value of K is (pre-)configured in a resource pool. 
</t>
    </r>
    <r>
      <rPr>
        <sz val="8"/>
        <rFont val="Wingdings"/>
        <family val="2"/>
        <charset val="2"/>
      </rPr>
      <t></t>
    </r>
    <r>
      <rPr>
        <sz val="8"/>
        <rFont val="Arial"/>
        <family val="2"/>
      </rPr>
      <t>K=3 is supported in addition to K=2.</t>
    </r>
  </si>
  <si>
    <t>sl-PSFCH-HopID</t>
    <phoneticPr fontId="10"/>
  </si>
  <si>
    <t>SL-PowerControl</t>
    <phoneticPr fontId="10"/>
  </si>
  <si>
    <t>sl-MaxTransPower</t>
    <phoneticPr fontId="10"/>
  </si>
  <si>
    <t>maximumtransmitPower-SL</t>
    <phoneticPr fontId="10"/>
  </si>
  <si>
    <t>dl-P0-PSSCH-PSCCH</t>
    <phoneticPr fontId="10"/>
  </si>
  <si>
    <t>p0-DL-PSCCHPSSCH</t>
    <phoneticPr fontId="10"/>
  </si>
  <si>
    <t>dl-P0-PSFCH</t>
    <phoneticPr fontId="10"/>
  </si>
  <si>
    <t>sl-P0-PSSCH-PSCCH</t>
    <phoneticPr fontId="10"/>
  </si>
  <si>
    <t>dl-Alpha-PSSCH-PSCCH</t>
    <phoneticPr fontId="10"/>
  </si>
  <si>
    <t>dl-Alpha-PSFC</t>
    <phoneticPr fontId="10"/>
  </si>
  <si>
    <t>alpha-DL-PSFCH</t>
    <phoneticPr fontId="10"/>
  </si>
  <si>
    <t>sl-Alpha-PSSCH-PSCCH</t>
    <phoneticPr fontId="10"/>
  </si>
  <si>
    <t>sl-FilterCoefficient</t>
    <phoneticPr fontId="10"/>
  </si>
  <si>
    <t>SL-PSBCH-Config</t>
    <phoneticPr fontId="10"/>
  </si>
  <si>
    <t>dl-P0-PSBCH</t>
    <phoneticPr fontId="10"/>
  </si>
  <si>
    <t>dl-Alpha-PSBCH</t>
    <phoneticPr fontId="10"/>
  </si>
  <si>
    <t>SL-ConfigDedicatedEUTRA</t>
    <phoneticPr fontId="10"/>
  </si>
  <si>
    <t>sl-V2X-SPS-Config</t>
    <phoneticPr fontId="10"/>
  </si>
  <si>
    <t>UE-Identity-LTESL</t>
    <phoneticPr fontId="10"/>
  </si>
  <si>
    <t>sl-TimeOffsetEUTRA-List</t>
    <phoneticPr fontId="10"/>
  </si>
  <si>
    <r>
      <t xml:space="preserve">0.75ms, 1ms, </t>
    </r>
    <r>
      <rPr>
        <strike/>
        <sz val="8"/>
        <rFont val="Arial"/>
        <family val="2"/>
      </rPr>
      <t>[</t>
    </r>
    <r>
      <rPr>
        <sz val="8"/>
        <rFont val="Arial"/>
        <family val="2"/>
      </rPr>
      <t>1.25ms</t>
    </r>
    <r>
      <rPr>
        <strike/>
        <sz val="8"/>
        <rFont val="Arial"/>
        <family val="2"/>
      </rPr>
      <t>]</t>
    </r>
    <r>
      <rPr>
        <sz val="8"/>
        <rFont val="Arial"/>
        <family val="2"/>
      </rPr>
      <t xml:space="preserve">, </t>
    </r>
    <r>
      <rPr>
        <strike/>
        <sz val="8"/>
        <rFont val="Arial"/>
        <family val="2"/>
      </rPr>
      <t>[</t>
    </r>
    <r>
      <rPr>
        <sz val="8"/>
        <rFont val="Arial"/>
        <family val="2"/>
      </rPr>
      <t>1.5ms</t>
    </r>
    <r>
      <rPr>
        <strike/>
        <sz val="8"/>
        <rFont val="Arial"/>
        <family val="2"/>
      </rPr>
      <t>]</t>
    </r>
    <r>
      <rPr>
        <sz val="8"/>
        <rFont val="Arial"/>
        <family val="2"/>
      </rPr>
      <t>, 2ms, 4ms, 5ms, 8ms, 10ms, 20 ms, 0ms, 0.25ms, 0.5ms, 0.625ms, 1.75ms, 2.5ms, 3ms, 6ms</t>
    </r>
  </si>
  <si>
    <t>SL-ConfiguredGrantConfig</t>
    <phoneticPr fontId="10"/>
  </si>
  <si>
    <t>sl-ConfigIndexCG</t>
    <phoneticPr fontId="10"/>
  </si>
  <si>
    <t>sl-PeriodCG</t>
    <phoneticPr fontId="10"/>
  </si>
  <si>
    <t>periodSlCG</t>
    <phoneticPr fontId="10"/>
  </si>
  <si>
    <t>sl-TimeResourceCG-Type1</t>
    <phoneticPr fontId="10"/>
  </si>
  <si>
    <t>sl-StartSubchannelCG-Type1</t>
    <phoneticPr fontId="10"/>
  </si>
  <si>
    <t>sl-FreqResourceCG-Type1</t>
    <phoneticPr fontId="10"/>
  </si>
  <si>
    <t>sl-TimeOffsetCG-Type1</t>
    <phoneticPr fontId="10"/>
  </si>
  <si>
    <t>sl-N1PUCCH-AN</t>
    <phoneticPr fontId="10"/>
  </si>
  <si>
    <t>BWP-UplinkDedicated</t>
    <phoneticPr fontId="10"/>
  </si>
  <si>
    <t xml:space="preserve">sl-PUCCH-Config </t>
    <phoneticPr fontId="10"/>
  </si>
  <si>
    <t>sl-PSFCH-ToPUCCH-CG-Type1</t>
    <phoneticPr fontId="10"/>
  </si>
  <si>
    <t>SL-ScheduledConfig</t>
  </si>
  <si>
    <t>sl-PSFCH-ToPUCCH</t>
    <phoneticPr fontId="10"/>
  </si>
  <si>
    <t>SL-TimingConfig</t>
    <phoneticPr fontId="10"/>
  </si>
  <si>
    <t>sl-DCI-ToSL-Trans</t>
    <phoneticPr fontId="10"/>
  </si>
  <si>
    <t>timeGapFirstSidelinkTransmission</t>
    <phoneticPr fontId="10"/>
  </si>
  <si>
    <t>sl-CS-RNTI</t>
    <phoneticPr fontId="10"/>
  </si>
  <si>
    <r>
      <t xml:space="preserve">Agreements made in RAN1#98bis:
• Two different UE-specific SL RNTIs are introduced for Mode-1 scheduling: one for CRC scrambling in DCI for a dynamic grant and the other one for CRC scrambling in DCI for a configured grant type-2.
o The two above DCIs have the same size
Agreements:
•	To provide additional resources for retransmission upon receiving a SL NACK report, a dynamic grant is used.
…..
o	When the initial transmission of a TB is scheduled by a configured grant (type-1 or type-2), the CRC of the DCI carrying the dynamic grant is scrambled using the SL RNTI introduced for DCI for a configured grant type-2.
</t>
    </r>
    <r>
      <rPr>
        <sz val="8"/>
        <rFont val="Wingdings"/>
        <family val="2"/>
        <charset val="2"/>
      </rPr>
      <t></t>
    </r>
    <r>
      <rPr>
        <sz val="8"/>
        <rFont val="Arial"/>
        <family val="2"/>
      </rPr>
      <t xml:space="preserve">	For interpretation of NDI, the Uu behavior for retransmission scheduled by DCI with CRC scrambled by CS-RNTI is reused.</t>
    </r>
  </si>
  <si>
    <t>sl-RNTI</t>
    <phoneticPr fontId="10"/>
  </si>
  <si>
    <t>sl-MinMCS-PSSCH</t>
    <phoneticPr fontId="10"/>
  </si>
  <si>
    <t>sl-MaxMCS-PSSCH</t>
    <phoneticPr fontId="10"/>
  </si>
  <si>
    <t>sl-NrOfHARQ-Processes</t>
    <phoneticPr fontId="10"/>
  </si>
  <si>
    <t>SearchSpace</t>
    <phoneticPr fontId="10"/>
  </si>
  <si>
    <t>dci-FormatsSL</t>
    <phoneticPr fontId="10"/>
  </si>
  <si>
    <r>
      <t xml:space="preserve">Agreements made in RAN1#99
• Use a separate PDCCH monitoring configuration (as configured in Rel-15) for DCI scheduling SL
o The per-CC and across-CC blind decoding budget and the maximum number of non-overlapped CCEs for channel estimation are not increased.
o The per-CC and across-CC maximum number of search spaces is not increased.
o The per-CC and across-CC maximum number of CORESETs is not increased
o To down-select:
</t>
    </r>
    <r>
      <rPr>
        <strike/>
        <sz val="8"/>
        <rFont val="Arial"/>
        <family val="2"/>
      </rPr>
      <t> Alt 1: (Working assumption) the UE is not expected to be configured such that there is both PDCCH monitoring for Uu and PDCCH monitoring for SL in the same slot</t>
    </r>
    <r>
      <rPr>
        <sz val="8"/>
        <rFont val="Arial"/>
        <family val="2"/>
      </rPr>
      <t xml:space="preserve">
</t>
    </r>
    <r>
      <rPr>
        <strike/>
        <sz val="8"/>
        <rFont val="Arial"/>
        <family val="2"/>
      </rPr>
      <t xml:space="preserve"> Alt 2: </t>
    </r>
    <r>
      <rPr>
        <sz val="8"/>
        <rFont val="Arial"/>
        <family val="2"/>
      </rPr>
      <t xml:space="preserve">(Working assumption) When in the same slot, there is both PDCCH monitoring for Uu and PDCCH monitoring for SL for the same CC, the search space(s) for SL is configured to be the same or a subset of those for Uu for the same CC or vice versa
• A UE does not expect to receive in the same PDCCH monitoring occasion and the same scheduling cell PDCCH carrying a DL grant and PDCCH carrying a SL DG.
o FFS SL grant is limited to having SL HARQ FB enabled or not.  
o FFS for CG type-2 activation/deactivation
Agreements made in RAN1#99:
• Use a separate PDCCH monitoring configuration (as configured in Rel-15) for NR DCI scheduling LTE SL
o The per-CC and across-CC blind decoding budget and the maximum number of non-overlapped CCEs for channel estimation are not increased.
o The per-CC and across-CC maximum number of search spaces is not increased.
o The per-CC and across-CC maximum number of CORESETs is not increased
</t>
    </r>
    <r>
      <rPr>
        <strike/>
        <sz val="8"/>
        <rFont val="Arial"/>
        <family val="2"/>
      </rPr>
      <t>o To down-select:
 Alt 1: the UE is not expected to be configured such that there is both PDCCH monitoring for Uu and PDCCH monitoring for LTE SL in the same slot</t>
    </r>
    <r>
      <rPr>
        <sz val="8"/>
        <rFont val="Arial"/>
        <family val="2"/>
      </rPr>
      <t xml:space="preserve">
</t>
    </r>
    <r>
      <rPr>
        <strike/>
        <sz val="8"/>
        <rFont val="Arial"/>
        <family val="2"/>
      </rPr>
      <t> Alt 2:</t>
    </r>
    <r>
      <rPr>
        <sz val="8"/>
        <rFont val="Arial"/>
        <family val="2"/>
      </rPr>
      <t xml:space="preserve"> When in the same slot, there is both PDCCH monitoring for Uu SL and PDCCH monitoring for SL for the same CC, the search space(s) for LTE SL is configured to be the same or a subset of those for Uu for the same CC or vice versa
</t>
    </r>
    <r>
      <rPr>
        <strike/>
        <sz val="8"/>
        <rFont val="Arial"/>
        <family val="2"/>
      </rPr>
      <t> Alt 3: the UE is not expected to be configured such that there is both PDCCH monitoring for mode 1 and PDCCH monitoring for LTE SL in the same slot</t>
    </r>
  </si>
  <si>
    <t>sl-CG-MaxTransNumList</t>
    <phoneticPr fontId="10"/>
  </si>
  <si>
    <t>SL-UE-SelectedConfigRP</t>
    <phoneticPr fontId="10"/>
  </si>
  <si>
    <t>sl-ThresPSSCH-RSRP-List</t>
    <phoneticPr fontId="10"/>
  </si>
  <si>
    <t>sl-MultiReserveResource</t>
    <phoneticPr fontId="10"/>
  </si>
  <si>
    <t>sl-MaxNumPerReserve</t>
    <phoneticPr fontId="10"/>
  </si>
  <si>
    <t>sl-SensingWindow</t>
    <phoneticPr fontId="10"/>
  </si>
  <si>
    <t>sl-SelectionWindowList</t>
    <phoneticPr fontId="10"/>
  </si>
  <si>
    <r>
      <t xml:space="preserve">Agreements made in [98b-NR-16]
• For a given time instance n when resource (re-)selection and re-evaluation procedure is triggered 
o The resource selection window starts at time instance (n + T1), T1 </t>
    </r>
    <r>
      <rPr>
        <sz val="8"/>
        <rFont val="돋움"/>
        <family val="3"/>
        <charset val="129"/>
      </rPr>
      <t>≥</t>
    </r>
    <r>
      <rPr>
        <sz val="8"/>
        <rFont val="Arial"/>
        <family val="2"/>
      </rPr>
      <t xml:space="preserve"> 0 and ends at time instance (n + T2) 
 The start of selection window T1 is up to UE implementation subject to T1 </t>
    </r>
    <r>
      <rPr>
        <sz val="8"/>
        <rFont val="돋움"/>
        <family val="3"/>
        <charset val="129"/>
      </rPr>
      <t>≤</t>
    </r>
    <r>
      <rPr>
        <sz val="8"/>
        <rFont val="Arial"/>
        <family val="2"/>
      </rPr>
      <t xml:space="preserve"> Tproc,1
 T2 is up to UE implementation with the following details as a working assumption:
• T2 </t>
    </r>
    <r>
      <rPr>
        <sz val="8"/>
        <rFont val="돋움"/>
        <family val="3"/>
        <charset val="129"/>
      </rPr>
      <t>≥</t>
    </r>
    <r>
      <rPr>
        <sz val="8"/>
        <rFont val="Arial"/>
        <family val="2"/>
      </rPr>
      <t xml:space="preserve"> T2min
• If T2min &gt; Remaining PDB, then T2min is modified to be equal to Remaining PDB
Agreement made in RAN1#99
• T2min is (pre-)configured per priority indicated in SCI from the following set of values:
o {1, 5, 10, 20}*2µ, where µ = 0,1,2,3 for SCS 15,30,60,120 respectively
</t>
    </r>
  </si>
  <si>
    <t>sl-ResourceReservePeriodList</t>
    <phoneticPr fontId="10"/>
  </si>
  <si>
    <t>sl-RS-ForSensing</t>
    <phoneticPr fontId="10"/>
  </si>
  <si>
    <t xml:space="preserve">SidelinkPreconfigNR,SL-ConfigDedicatedNR, SL-ConfigCommonNR
</t>
    <phoneticPr fontId="10"/>
  </si>
  <si>
    <t xml:space="preserve">sl-CSI-Acquisition </t>
    <phoneticPr fontId="10"/>
  </si>
  <si>
    <t>SL-ConfigCommonNR</t>
    <phoneticPr fontId="10"/>
  </si>
  <si>
    <t>sl-SSB-PriorityNR</t>
    <phoneticPr fontId="10"/>
  </si>
  <si>
    <t>sl-ThreshS-RSSI-CBR</t>
    <phoneticPr fontId="10"/>
  </si>
  <si>
    <t>sl-TimeWindowSizeCBR</t>
    <phoneticPr fontId="10"/>
  </si>
  <si>
    <t>sl-TimeWindowSizeCR</t>
    <phoneticPr fontId="10"/>
  </si>
  <si>
    <t>SL-CSI-RS-Config</t>
    <phoneticPr fontId="10"/>
  </si>
  <si>
    <t>sl-CSI-RS-FreqAllocation</t>
    <phoneticPr fontId="10"/>
  </si>
  <si>
    <t>sl-OneAntennaPort</t>
    <phoneticPr fontId="10"/>
  </si>
  <si>
    <t>sl-CSI-RS-FirstSymbol</t>
    <phoneticPr fontId="10"/>
  </si>
  <si>
    <t>SL-UE-SelectedConfig</t>
    <phoneticPr fontId="10"/>
  </si>
  <si>
    <t>sl-PreemptionEnable</t>
    <phoneticPr fontId="10"/>
  </si>
  <si>
    <t>SL-PTRS-Config</t>
    <phoneticPr fontId="10"/>
  </si>
  <si>
    <t>sl-PTRS-FreqDensity</t>
    <phoneticPr fontId="10"/>
  </si>
  <si>
    <t>sl-PTRS-TimeDensity</t>
    <phoneticPr fontId="10"/>
  </si>
  <si>
    <t>sl-PTRS-RE-Offse</t>
    <phoneticPr fontId="10"/>
  </si>
  <si>
    <t>sl-PSFCH-CandidateResourceType</t>
    <phoneticPr fontId="10"/>
  </si>
  <si>
    <t>sl-PriorityThreshold-UL-URLLC</t>
    <phoneticPr fontId="10"/>
  </si>
  <si>
    <t>sl-X-Overhead</t>
    <phoneticPr fontId="10"/>
  </si>
  <si>
    <t>CrossCarrierSchedulingConfig</t>
    <phoneticPr fontId="13" type="noConversion"/>
  </si>
  <si>
    <t>carrierIndicatorSizeForDCI-Format1-2</t>
    <phoneticPr fontId="13" type="noConversion"/>
  </si>
  <si>
    <t>prb-BundlingTypeForDCI-Format1-2</t>
    <phoneticPr fontId="13" type="noConversion"/>
  </si>
  <si>
    <t>rateMatchPatternGroup1ForDCI-Format1-2</t>
    <phoneticPr fontId="13" type="noConversion"/>
  </si>
  <si>
    <t>rateMatchPatternGroup2ForDCI-Format1-2</t>
    <phoneticPr fontId="13" type="noConversion"/>
  </si>
  <si>
    <t>aperiodicZP-CSI-RS-ResourceSetsToAddModListForDCI-Format1-2</t>
    <phoneticPr fontId="13" type="noConversion"/>
  </si>
  <si>
    <t>pdsch-TimeDomainAllocationListForDCI-Format1-2</t>
    <phoneticPr fontId="13" type="noConversion"/>
  </si>
  <si>
    <t>dci-FormatsExt-r16</t>
    <phoneticPr fontId="13" type="noConversion"/>
  </si>
  <si>
    <r>
      <t xml:space="preserve">Agreements:
• Introduce one new DCI format  for DL scheduling and one new DCI format for UL scheduling with configurable sizes for some fields in Rel-16.
Agreement
It is allowed to configure both DCI format 0_1/1_1 and DCI format 0_2/1_2 to be monitored in a certain search space set for scheduling the same cell. 
- This feature is UE optional 
</t>
    </r>
    <r>
      <rPr>
        <strike/>
        <sz val="8"/>
        <color theme="1"/>
        <rFont val="Arial"/>
        <family val="2"/>
      </rPr>
      <t>Note: No agreement on whether to include DCI format 0_0/1_0, included here for disucssion. If not allowed, it can be removed,</t>
    </r>
    <r>
      <rPr>
        <sz val="8"/>
        <color theme="1"/>
        <rFont val="Arial"/>
        <family val="2"/>
      </rPr>
      <t xml:space="preserve">
Agreement
•	Remove the bracket on formats0-0-And-1-0 in the column of value range for RRC parameter dci-Formats-Rel16. </t>
    </r>
  </si>
  <si>
    <t>harq-ProcessNumberSizeForDCI-Format1-2</t>
    <phoneticPr fontId="13" type="noConversion"/>
  </si>
  <si>
    <t>harq-ProcessNumberSizeForDCI-Format0-2</t>
    <phoneticPr fontId="13" type="noConversion"/>
  </si>
  <si>
    <t>resourceAllocationType1GranularityForDCI-Format1-2</t>
    <phoneticPr fontId="13" type="noConversion"/>
  </si>
  <si>
    <t>resourceAllocationType1GranularityForDCI-Format0-2</t>
    <phoneticPr fontId="13" type="noConversion"/>
  </si>
  <si>
    <t>subslotLengthForPUCCH</t>
    <phoneticPr fontId="13" type="noConversion"/>
  </si>
  <si>
    <r>
      <t xml:space="preserve">{2, 7} </t>
    </r>
    <r>
      <rPr>
        <sz val="8"/>
        <color rgb="FF0000FF"/>
        <rFont val="Arial"/>
        <family val="2"/>
      </rPr>
      <t>for NCP
{2, 6} for ECP</t>
    </r>
  </si>
  <si>
    <r>
      <t xml:space="preserve">Agreements:
At least one sub-slot configuration for PUCCH can be UE-specifically configured to a UE.
• At least support following two sub-slot configurations for PUCCH: “2-symbol*7” and “7-symbol*2”.
o FFS other configurable sub-slot configurations, e.g. 4, 14 sub-slots in a slot.
o For the above two sub-slot configurations (“2-symbol*7” and “7-symbol*2”), support a single configuration for PUCCH resource following R15 applicable for all the sub-slots in a slot.
 FFS whether or not to additionally support that PUCCH resource configuration can be different for different sub-slots
 FFS for other sub-slot configurations, if any.
• FFS: If a PUCCH resource across sub-slot boundary is supported.
</t>
    </r>
    <r>
      <rPr>
        <sz val="8"/>
        <color rgb="FF0000FF"/>
        <rFont val="Arial"/>
        <family val="2"/>
      </rPr>
      <t>Agreements:
• A value of subslotLength-ForPUCCH for ECP is either 2 or 6 symbols.
Agreements:
• If a PUCCH-Config is provided with a subslotLengthFor PUCCH-r16, the PUCCH resource corresponding to any SR or CSI configuration with the same priority as the PUCCH-Config, should be confined within the sub-slot associated to the PUCCH-Config.
Common understanding in RAN1 (Note: RAN1 didn't achieve conclusion yet on where/how to capture the following common understanding):
When subslotLength-ForPUCCH is configured for a PUCCH-Config
   For HARQ-ACK PUCCH resource in the PUCCH-Config, the starting symbol of a PUCCH resource is defined with respect to the first symbol of the subslot
   For CSI/SR resource in the PUCCH-Config, the starting symbol of a PUCCH resource is defined with respect to the first symbol of the slot</t>
    </r>
    <r>
      <rPr>
        <sz val="8"/>
        <color theme="1"/>
        <rFont val="Arial"/>
        <family val="2"/>
      </rPr>
      <t xml:space="preserve">
</t>
    </r>
  </si>
  <si>
    <t>PUCCH-ConfigurationList</t>
    <phoneticPr fontId="13" type="noConversion"/>
  </si>
  <si>
    <r>
      <t xml:space="preserve">Agreements:
• When at least two HARQ-ACK codebooks are simultaneously constructed for supporting different service types for a UE,  all Rel-16 parameters in PUCCH configuration related to HARQ-ACK feedback can be separately configured for different HARQ-ACK codebooks except for following:
o FFS: For PUCCH-SpatialRelationInfo
o Note: SchedulingRequestResourceConfig, multi-CSI-PUCCH-ResourceList are not related to HARQ-ACK feedback.
• FFS: For other UCI types, e.g. SchedulingRequestResourceConfig, multi-CSI-PUCCH-ResourceList.
Agreements:
When at least two HARQ-ACK codebooks are simultaneously constructed for supporting different service types for a UE, following can be separately configured for different HARQ-ACK codebooks:
• PUCCH-SpatialRelationInfo
• Sub-slot configuration (only applied for the sub-slot-based HARQ-ACK codebook)
Agreements:
R16 supports up to two HARQ-ACK codebooks with different priorities to be simultaneously constructed, including: 
• One is slot-based and one is sub-slot-based.
• Both are slot-based.
• Both are sub-slot-based
Agreements:
When two PUCCH-Configs are configured, 
 A PUCCH-ResourceId in a PUCCH-CSI-Resource refers to a PUCCH-Resource in the PUCCH-Config used for HARQ-ACK with low priority.
 multi-CSI-PUCCH-Resource list is only configured in the PUCCH-Config used for HARQ-ACK with low priority.
 A PUCCH-ResourceId in the multi-CSI-PUCCH-Resource list refers to a PUCCH-Resource in the PUCCH-Config used for HARQ-ACK with low priority.
Agreement:
When two PUCCH-Configs are configured, SchedulingRequestResourceConfig can be configured in both PUCCH-Configs
• If the same PUCCH resource ID can be configured in different PUCCH-Config, a PUCCH-ResourceId in a SchedulingRequestResourceConfig refers to a PUCCH-Resource in the PUCCH-Config containing the SchedulingRequestResourceConfig
Agreement:
Endorsed TPs can be found in R1-2001227 for more information about the above two agreements. 
</t>
    </r>
    <r>
      <rPr>
        <sz val="8"/>
        <color rgb="FF0000FF"/>
        <rFont val="Arial"/>
        <family val="2"/>
      </rPr>
      <t>Agreements:
• In Rel-16, if a UE is configured with one HARQ codebook, the HARQ-ACK codebook is considered as low priority.
• If a PUCCH-Config is provided with a subslotLengthFor PUCCH-r16, the PUCCH resource corresponding to any SR or CSI configuration with the same priority as the PUCCH-Config, should be confined within the sub-slot associated to the PUCCH-Config.</t>
    </r>
    <r>
      <rPr>
        <sz val="8"/>
        <color theme="1"/>
        <rFont val="Arial"/>
        <family val="2"/>
      </rPr>
      <t xml:space="preserve">
</t>
    </r>
    <r>
      <rPr>
        <sz val="8"/>
        <color rgb="FF0000FF"/>
        <rFont val="Arial"/>
        <family val="2"/>
      </rPr>
      <t xml:space="preserve">
Common understanding in RAN1 (Note: RAN1 didn't achieve conclusion yet on where/how to capture the following common understanding):
When subslotLength-ForPUCCH is configured for a PUCCH-Config
   For HARQ-ACK PUCCH resource in the PUCCH-Config, the starting symbol of a PUCCH resource is defined with respect to the first symbol of the subslot
   For CSI/SR resource in the PUCCH-Config, the starting symbol of a PUCCH resource is defined with respect to the first symbol of the slot</t>
    </r>
  </si>
  <si>
    <t>dci-Format2-4</t>
    <phoneticPr fontId="13" type="noConversion"/>
  </si>
  <si>
    <t>vrb-ToPRB-InterleaverForDCI-Format1-2</t>
    <phoneticPr fontId="13" type="noConversion"/>
  </si>
  <si>
    <t>numberOfBitsForRV-ForDCI-Format1-2</t>
    <phoneticPr fontId="13" type="noConversion"/>
  </si>
  <si>
    <t>carrierIndicatorSizeForDCI-Format0-2</t>
    <phoneticPr fontId="13" type="noConversion"/>
  </si>
  <si>
    <t>dmrs-DownlinkForPDSCH-MappingTypeA-ForDCI-Format1-2</t>
    <phoneticPr fontId="13" type="noConversion"/>
  </si>
  <si>
    <t>dmrs-DownlinkForPDSCH-MappingTypeB-ForDCI-Format1-2</t>
    <phoneticPr fontId="13" type="noConversion"/>
  </si>
  <si>
    <t>tci-PresentForDCI-Format1-2</t>
    <phoneticPr fontId="13" type="noConversion"/>
  </si>
  <si>
    <t>srs-RequestForDCI-Format1-2</t>
    <phoneticPr fontId="13" type="noConversion"/>
  </si>
  <si>
    <t>dmrs-SequenceInitializationForDCI-Format1-2</t>
    <phoneticPr fontId="13" type="noConversion"/>
  </si>
  <si>
    <t>dmrs-SequenceInitializationForDCI-Format0-2</t>
    <phoneticPr fontId="13" type="noConversion"/>
  </si>
  <si>
    <t>reportTriggerSizeForDCI-Format0-2</t>
    <phoneticPr fontId="13" type="noConversion"/>
  </si>
  <si>
    <t>numberOfBitsForPUCCH-ResourceIndicatorForDCI-Format1-2</t>
    <phoneticPr fontId="13" type="noConversion"/>
  </si>
  <si>
    <t>dl-DataToUL-ACK-ForDCI-Format1-2</t>
    <phoneticPr fontId="13" type="noConversion"/>
  </si>
  <si>
    <r>
      <t xml:space="preserve">Agreements:
Support configurable size for “PDSCH-to-HARQ_feedback timing indicator (0 or 1 or 2 or 3 bits)” for the new DCI format for DL scheduling.  
• New RRC parameter is introduced to for the configuration
</t>
    </r>
    <r>
      <rPr>
        <strike/>
        <sz val="8"/>
        <color theme="1"/>
        <rFont val="Arial"/>
        <family val="2"/>
      </rPr>
      <t xml:space="preserve">Note: Whether to extend the value for K1 is under discussion. If it is agreed to extend the value of K1, the range value here can be updated accordingly.  </t>
    </r>
  </si>
  <si>
    <t>dynamicForDCI-Format0-2</t>
    <phoneticPr fontId="13" type="noConversion"/>
  </si>
  <si>
    <r>
      <t xml:space="preserve">Configuration for DCI format </t>
    </r>
    <r>
      <rPr>
        <sz val="8"/>
        <color rgb="FF0000FF"/>
        <rFont val="Arial"/>
        <family val="2"/>
      </rPr>
      <t>0</t>
    </r>
    <r>
      <rPr>
        <sz val="8"/>
        <color theme="1"/>
        <rFont val="Arial"/>
        <family val="2"/>
      </rPr>
      <t>_2, defined in the same way as in section 6.3.2 in 38.331 for dynamic</t>
    </r>
  </si>
  <si>
    <t>downlinkAssignmentIndexForDCI-Format0-2</t>
    <phoneticPr fontId="13" type="noConversion"/>
  </si>
  <si>
    <t>downlinkAssignmentIndexForDCI-Format1-2</t>
    <phoneticPr fontId="13" type="noConversion"/>
  </si>
  <si>
    <t>frequencyHoppingForDCI-Format0-2</t>
    <phoneticPr fontId="13" type="noConversion"/>
  </si>
  <si>
    <r>
      <t>{intraSlot, interSlot} if PUSCHRepTypeIndicator-ForDCIFormat0_2 is set to ‘pusch-RepTypeA’;
{interRepetition, interSlot</t>
    </r>
    <r>
      <rPr>
        <strike/>
        <sz val="8"/>
        <color theme="1"/>
        <rFont val="Arial"/>
        <family val="2"/>
      </rPr>
      <t>, [FFS intraRepetition]</t>
    </r>
    <r>
      <rPr>
        <sz val="8"/>
        <color theme="1"/>
        <rFont val="Arial"/>
        <family val="2"/>
      </rPr>
      <t xml:space="preserve">} if PUSCHRepTypeIndicator-ForDCIFormat0_1 is set to ‘pusch-RepTypeB’
</t>
    </r>
  </si>
  <si>
    <r>
      <t xml:space="preserve"> </t>
    </r>
    <r>
      <rPr>
        <sz val="8"/>
        <color rgb="FFFF0000"/>
        <rFont val="Arial"/>
        <family val="2"/>
      </rPr>
      <t>frequencyHoppingOffsetListsForDCI-Format0-2</t>
    </r>
  </si>
  <si>
    <t>pdsch-HARQ-ACK-CodebookList</t>
    <phoneticPr fontId="13" type="noConversion"/>
  </si>
  <si>
    <t>uci-OnPUSCH-ListForDCI-Format0-1/uci-OnPUSCH-ListForDCI-Format0-2</t>
    <phoneticPr fontId="13" type="noConversion"/>
  </si>
  <si>
    <t>pdsch-CodeBlockGroupTransmissionList</t>
    <phoneticPr fontId="13" type="noConversion"/>
  </si>
  <si>
    <t>maxNrofUL-Allocations-r16</t>
    <phoneticPr fontId="13" type="noConversion"/>
  </si>
  <si>
    <t>pusch-TimeDomainAllocationListForDCI-Format0-2</t>
    <phoneticPr fontId="13" type="noConversion"/>
  </si>
  <si>
    <t>PUSCH-TimeDomainResourceAllocation2</t>
    <phoneticPr fontId="13" type="noConversion"/>
  </si>
  <si>
    <t>pusch-TimeDomainAllocationListForDCI-Format0-1</t>
    <phoneticPr fontId="13" type="noConversion"/>
  </si>
  <si>
    <t>pusch-RepTypeIndicatorForDCI-Format0-2</t>
    <phoneticPr fontId="13" type="noConversion"/>
  </si>
  <si>
    <t>pusch-RepTypeIndicatorForDCI-Format0-1</t>
    <phoneticPr fontId="13" type="noConversion"/>
  </si>
  <si>
    <t>pusch-RepTypeIndicator</t>
    <phoneticPr fontId="13" type="noConversion"/>
  </si>
  <si>
    <t>nrofCandidates-CI</t>
    <phoneticPr fontId="13" type="noConversion"/>
  </si>
  <si>
    <r>
      <t xml:space="preserve">Agreements:
• Regarding UL CI monitoring, support the following:
o A new RNTI (e.g. CI-RNTI) is used for UL CI
o FFS: Monitoring periodicity larger than [5] slot is not supported for UL CI
o The aggregation level(s) and the number of PDCCH candidates configured by RRC 
• FFS possible restrictions, e.g., the ones associated with SFI
o The DCI payload size for UL CI  is configured by RRC
• FFS possible values
Agreements:
• Up to X BDs can be configured for UL CI
o FFS per UL CI monitoring occasion or per span
o The value of X is to be concluded during this week
o Note: UE is not expected to be configured with search space configuration for UL CI with AL and number of candidates exceeding X BDs
Agreements:
• The maximum UL CI monitoring periodicity is 10 slots.
• Up to X BDs can be configured per UL CI monitoring occasion, X to be decided between X=1 or X=2 in RAN1#100bis.
</t>
    </r>
    <r>
      <rPr>
        <sz val="8"/>
        <color rgb="FF0000FF"/>
        <rFont val="Arial"/>
        <family val="2"/>
      </rPr>
      <t xml:space="preserve">Agreements:
Up to X BDs can be configured per UL CI monitoring occasion
 For ULCI monitoring occasion determination, search space sets start at a same OFDM symbol correspond to a same monitoring occasion
 X=1
</t>
    </r>
  </si>
  <si>
    <r>
      <t xml:space="preserve"> </t>
    </r>
    <r>
      <rPr>
        <sz val="8"/>
        <color rgb="FFFF0000"/>
        <rFont val="Arial"/>
        <family val="2"/>
      </rPr>
      <t>uplinkCancellation</t>
    </r>
  </si>
  <si>
    <r>
      <t xml:space="preserve">Configuration of uplink cancellation siginaling, include aspects like RNTI, payload size, time and frequency resource, etc. </t>
    </r>
    <r>
      <rPr>
        <strike/>
        <sz val="8"/>
        <color theme="1"/>
        <rFont val="Arial"/>
        <family val="2"/>
      </rPr>
      <t>Details to be FFS in RAN1</t>
    </r>
  </si>
  <si>
    <r>
      <t xml:space="preserve">{CI-RNTI, </t>
    </r>
    <r>
      <rPr>
        <strike/>
        <sz val="8"/>
        <color theme="1"/>
        <rFont val="Arial"/>
        <family val="2"/>
      </rPr>
      <t>timeFrequencyRegionPerServingCell,</t>
    </r>
    <r>
      <rPr>
        <sz val="8"/>
        <color theme="1"/>
        <rFont val="Arial"/>
        <family val="2"/>
      </rPr>
      <t xml:space="preserve"> dci-PayloadSize-forCI, </t>
    </r>
    <r>
      <rPr>
        <strike/>
        <sz val="8"/>
        <color theme="1"/>
        <rFont val="Arial"/>
        <family val="2"/>
      </rPr>
      <t xml:space="preserve">CI-PayloadSizePerServingCell, </t>
    </r>
    <r>
      <rPr>
        <sz val="8"/>
        <color theme="1"/>
        <rFont val="Arial"/>
        <family val="2"/>
      </rPr>
      <t>ci-ConfigurationPerServingCell}</t>
    </r>
  </si>
  <si>
    <t>ci-RNTI</t>
    <phoneticPr fontId="13" type="noConversion"/>
  </si>
  <si>
    <t>CI-ConfigurationPerServingCell</t>
    <phoneticPr fontId="10"/>
  </si>
  <si>
    <t>ci-PayloadSize</t>
    <phoneticPr fontId="13" type="noConversion"/>
  </si>
  <si>
    <r>
      <t>1,2,4,5,7,8,10,14,16,20,</t>
    </r>
    <r>
      <rPr>
        <strike/>
        <sz val="8"/>
        <color theme="1"/>
        <rFont val="Arial"/>
        <family val="2"/>
      </rPr>
      <t>[25]</t>
    </r>
    <r>
      <rPr>
        <sz val="8"/>
        <color theme="1"/>
        <rFont val="Arial"/>
        <family val="2"/>
      </rPr>
      <t xml:space="preserve">,28,32,35, 42, 56,112
</t>
    </r>
  </si>
  <si>
    <t>dci-PayloadSizeForCI</t>
    <phoneticPr fontId="13" type="noConversion"/>
  </si>
  <si>
    <t>ci-ConfigurationPerServingCell</t>
    <phoneticPr fontId="13" type="noConversion"/>
  </si>
  <si>
    <t>CI-ConfigurationPerServingCell</t>
    <phoneticPr fontId="13" type="noConversion"/>
  </si>
  <si>
    <t>positionInDCI</t>
    <phoneticPr fontId="13" type="noConversion"/>
  </si>
  <si>
    <t>timeFrequencyRegion</t>
    <phoneticPr fontId="13" type="noConversion"/>
  </si>
  <si>
    <t>timeDurationForCI</t>
    <phoneticPr fontId="13" type="noConversion"/>
  </si>
  <si>
    <t>timeGranularityForCI</t>
    <phoneticPr fontId="13" type="noConversion"/>
  </si>
  <si>
    <r>
      <rPr>
        <strike/>
        <sz val="8"/>
        <color theme="1"/>
        <rFont val="Arial"/>
        <family val="2"/>
      </rPr>
      <t xml:space="preserve">Configure the time domain granularity for the reference time region
</t>
    </r>
    <r>
      <rPr>
        <sz val="8"/>
        <color theme="1"/>
        <rFont val="Arial"/>
        <family val="2"/>
      </rPr>
      <t>Configure the number of partitions within the time region</t>
    </r>
  </si>
  <si>
    <t>frequencyRegionForCI</t>
    <phoneticPr fontId="13" type="noConversion"/>
  </si>
  <si>
    <t>p0-PUSCH-SetList</t>
    <phoneticPr fontId="13" type="noConversion"/>
  </si>
  <si>
    <t>P0-PUSCH-Set</t>
    <phoneticPr fontId="13" type="noConversion"/>
  </si>
  <si>
    <t>p0-PUSCH-SetId</t>
    <phoneticPr fontId="13" type="noConversion"/>
  </si>
  <si>
    <t>srs-RequestForDCI-Format0-2</t>
    <phoneticPr fontId="13" type="noConversion"/>
  </si>
  <si>
    <t>referenceOfSLIVForDCI-Format1-2</t>
    <phoneticPr fontId="13" type="noConversion"/>
  </si>
  <si>
    <t>maxMIMO-LayersForDCI-Format0-2</t>
    <phoneticPr fontId="13" type="noConversion"/>
  </si>
  <si>
    <t>srs-ResourceSetToAddModListForDCI-Format0-2</t>
    <phoneticPr fontId="13" type="noConversion"/>
  </si>
  <si>
    <t>maxRankForDCI-Format0-2</t>
    <phoneticPr fontId="13" type="noConversion"/>
  </si>
  <si>
    <t>codebookSubsetForDCI-Format0-2</t>
    <phoneticPr fontId="13" type="noConversion"/>
  </si>
  <si>
    <t>dmrs-UplinkForPUSCH-MappingTypeB-ForDCI-Format0-2</t>
    <phoneticPr fontId="13" type="noConversion"/>
  </si>
  <si>
    <t>mcs-TableForDCI-Format0-2</t>
    <phoneticPr fontId="13" type="noConversion"/>
  </si>
  <si>
    <t>mcs-TableForDCI-Format1-2</t>
    <phoneticPr fontId="13" type="noConversion"/>
  </si>
  <si>
    <t>mcs-TableTransformPrecoderForDCI-Format0-2</t>
    <phoneticPr fontId="13" type="noConversion"/>
  </si>
  <si>
    <t>monitoringCapabilityConfig</t>
    <phoneticPr fontId="13" type="noConversion"/>
  </si>
  <si>
    <t>resourceAllocationForDCI-Format1-2</t>
    <phoneticPr fontId="13" type="noConversion"/>
  </si>
  <si>
    <t>resourceAllocationForDCI-Format0-2</t>
    <phoneticPr fontId="13" type="noConversion"/>
  </si>
  <si>
    <t>priorityIndicatorForDCI-Format0-2</t>
    <phoneticPr fontId="13" type="noConversion"/>
  </si>
  <si>
    <t>priorityIndicatorForDCI-Format0-1</t>
    <phoneticPr fontId="13" type="noConversion"/>
  </si>
  <si>
    <t>priorityIndicatorForDCI-Format1-2</t>
    <phoneticPr fontId="13" type="noConversion"/>
  </si>
  <si>
    <t>priorityIndicatorForDCI-Format1-1</t>
    <phoneticPr fontId="13" type="noConversion"/>
  </si>
  <si>
    <t>frequencyHoppingForDCI-Format0-1</t>
    <phoneticPr fontId="13" type="noConversion"/>
  </si>
  <si>
    <r>
      <t>{interRepetition, interSlot</t>
    </r>
    <r>
      <rPr>
        <strike/>
        <sz val="8"/>
        <color theme="1"/>
        <rFont val="Arial"/>
        <family val="2"/>
      </rPr>
      <t>, [FFS intraRepetition]</t>
    </r>
    <r>
      <rPr>
        <sz val="8"/>
        <color theme="1"/>
        <rFont val="Arial"/>
        <family val="2"/>
      </rPr>
      <t xml:space="preserve">}
</t>
    </r>
  </si>
  <si>
    <t>numberOfRepetitions</t>
    <phoneticPr fontId="13" type="noConversion"/>
  </si>
  <si>
    <r>
      <t xml:space="preserve">1, 2, 3, 4, </t>
    </r>
    <r>
      <rPr>
        <strike/>
        <sz val="8"/>
        <color theme="1"/>
        <rFont val="Arial"/>
        <family val="2"/>
      </rPr>
      <t>[6]</t>
    </r>
    <r>
      <rPr>
        <sz val="8"/>
        <color theme="1"/>
        <rFont val="Arial"/>
        <family val="2"/>
      </rPr>
      <t>, 7, 8, 12, 16
Note: 3 bits is agreed for the indication as shown in the agreement</t>
    </r>
  </si>
  <si>
    <t>PUSCH-TimeDomainResourceAllocationNewTimeDomainResourceAllocation2</t>
    <phoneticPr fontId="10"/>
  </si>
  <si>
    <t xml:space="preserve"> startSymbol</t>
    <phoneticPr fontId="13" type="noConversion"/>
  </si>
  <si>
    <t>frequencyHoppingPUSCH-RepTypeB</t>
    <phoneticPr fontId="13" type="noConversion"/>
  </si>
  <si>
    <r>
      <t>{interRepetition, interSlot</t>
    </r>
    <r>
      <rPr>
        <strike/>
        <sz val="8"/>
        <color theme="1"/>
        <rFont val="Arial"/>
        <family val="2"/>
      </rPr>
      <t>, [FFS intraRepetition]</t>
    </r>
    <r>
      <rPr>
        <sz val="8"/>
        <color theme="1"/>
        <rFont val="Arial"/>
        <family val="2"/>
      </rPr>
      <t>}</t>
    </r>
  </si>
  <si>
    <t>invalidSymbolPattern</t>
    <phoneticPr fontId="13" type="noConversion"/>
  </si>
  <si>
    <t>invalidSymbolPatternIndicatorForDCI-Format0-2</t>
    <phoneticPr fontId="13" type="noConversion"/>
  </si>
  <si>
    <t>invalidSymbolPatternIndicatorForDCI-Format0-1</t>
    <phoneticPr fontId="13" type="noConversion"/>
  </si>
  <si>
    <t xml:space="preserve">monitoringSlotPeriodicityAndOffset </t>
    <phoneticPr fontId="13" type="noConversion"/>
  </si>
  <si>
    <t>olpc-ParameterSetForDCI-Format0-1</t>
    <phoneticPr fontId="13" type="noConversion"/>
  </si>
  <si>
    <t>olpc-ParameterSetForDCI-Format0-2</t>
    <phoneticPr fontId="13" type="noConversion"/>
  </si>
  <si>
    <t>reportSlotOffsetListForDCI-Format0-2</t>
    <phoneticPr fontId="13" type="noConversion"/>
  </si>
  <si>
    <t>numberOfBitsForRV-ForDCI-Format0-2</t>
    <phoneticPr fontId="13" type="noConversion"/>
  </si>
  <si>
    <t>maxCI-DCI-PayloadSize</t>
    <phoneticPr fontId="13" type="noConversion"/>
  </si>
  <si>
    <t>aperiodicZP-CSI-RS-ResourceSetsToReleaseListForDCI-Format1-2</t>
    <phoneticPr fontId="13" type="noConversion"/>
  </si>
  <si>
    <t>srs-ResourceSetToReleaseListForDCI-Format0-2</t>
    <phoneticPr fontId="13" type="noConversion"/>
  </si>
  <si>
    <t>positionInDCI-ForSUL</t>
    <phoneticPr fontId="13" type="noConversion"/>
  </si>
  <si>
    <t>reportSlotOffsetListForDCI-Format0-1</t>
    <phoneticPr fontId="13" type="noConversion"/>
  </si>
  <si>
    <t>antennaPortsFieldPresenceForDCI-Format0-2</t>
    <phoneticPr fontId="13" type="noConversion"/>
  </si>
  <si>
    <t>antennaPortsFieldPresenceForDCI-Format1-2</t>
    <phoneticPr fontId="13" type="noConversion"/>
  </si>
  <si>
    <t>deltaOffset</t>
    <phoneticPr fontId="13" type="noConversion"/>
  </si>
  <si>
    <t>pdcch-BlindDetectionCA-CombIndicator</t>
    <phoneticPr fontId="13" type="noConversion"/>
  </si>
  <si>
    <r>
      <t xml:space="preserve">Agreements:
For the case with Rel-15 monitoring capability and Rel-16 monitoring capability on different serving cells (i.e. case 3), UE will report one or more combination of (pdcch-BlindDetectionCA-R15, pdcch-BlindDetectionCA-R16) as UE capability.
•         If UE reports more than one combination of (pdcch-BlindDetectionCA-R15, pdcch-BlindDetectionCA-R16),
o gNB configure which combination for UE to use for scaling PDCCH monitoring capability if the number of CCs configured is larger than the reported capability 
Agreements: 
For one reported combination of (pdcch-BlindDetectionCA-R15, pdcch-BlindDetectionCA-R16) for CA:
•         The minimum value of pdcch-BlindDetectionCA-R15 is 1 and the minimum value of pdcch-BlindDetectionCA-R16 is 1
•         </t>
    </r>
    <r>
      <rPr>
        <sz val="8"/>
        <color rgb="FFFF0000"/>
        <rFont val="Arial"/>
        <family val="2"/>
      </rPr>
      <t>[3]</t>
    </r>
    <r>
      <rPr>
        <sz val="8"/>
        <color rgb="FF0000FF"/>
        <rFont val="Arial"/>
        <family val="2"/>
      </rPr>
      <t xml:space="preserve">&lt;=pdcch-BlindDetectionCA-R15 + pdcch-BlindDetectionCA-R16 &lt;=16
•         Candidate values for pdcch-BlindDetectionCA-R15 is 1 to 15
•         Candidate values for pdcch-BlindDetectionCA-R16 is 1 to 15 
</t>
    </r>
  </si>
  <si>
    <t>numberOfInvalidSymbolsForDL-UL-Switching</t>
    <phoneticPr fontId="13" type="noConversion"/>
  </si>
  <si>
    <t>uplinkCancellationPriority</t>
    <phoneticPr fontId="13" type="noConversion"/>
  </si>
  <si>
    <t>pdsch-AggregationFactor-r16</t>
  </si>
  <si>
    <t>maxPayloadSize-r16</t>
  </si>
  <si>
    <r>
      <rPr>
        <strike/>
        <sz val="10"/>
        <color theme="1"/>
        <rFont val="Times New Roman"/>
        <family val="1"/>
      </rPr>
      <t>SPS-PUCCH-AN-List</t>
    </r>
    <r>
      <rPr>
        <sz val="10"/>
        <color theme="1"/>
        <rFont val="Times New Roman"/>
        <family val="1"/>
      </rPr>
      <t xml:space="preserve">  SPS-PUCCH-AN-r16</t>
    </r>
  </si>
  <si>
    <t>sps-PUCCH-AN-ResourceID-r16</t>
  </si>
  <si>
    <r>
      <rPr>
        <strike/>
        <sz val="10"/>
        <color theme="1"/>
        <rFont val="Times New Roman"/>
        <family val="1"/>
      </rPr>
      <t xml:space="preserve">SPS-PUCCH-AN-List </t>
    </r>
    <r>
      <rPr>
        <sz val="10"/>
        <color theme="1"/>
        <rFont val="Times New Roman"/>
        <family val="1"/>
      </rPr>
      <t>SPS-PUCCH-AN-r16</t>
    </r>
  </si>
  <si>
    <t>sps-PUCCH-AN-List-r16</t>
  </si>
  <si>
    <t>sps-ConfigDeactivationStateList-r16</t>
  </si>
  <si>
    <t>BWP-DownlinkDedicated</t>
  </si>
  <si>
    <t>phy-PriorityIndex-r16</t>
  </si>
  <si>
    <t xml:space="preserve">ConfiguredGrantConfig </t>
  </si>
  <si>
    <r>
      <rPr>
        <strike/>
        <sz val="10"/>
        <rFont val="Times New Roman"/>
        <family val="1"/>
      </rPr>
      <t xml:space="preserve">SchedulingRequestResourceConfig </t>
    </r>
    <r>
      <rPr>
        <sz val="10"/>
        <rFont val="Times New Roman"/>
        <family val="1"/>
      </rPr>
      <t xml:space="preserve">  SchedulingRequestResourceConfig-v16xy</t>
    </r>
  </si>
  <si>
    <r>
      <rPr>
        <strike/>
        <sz val="8"/>
        <rFont val="Arial"/>
        <family val="2"/>
      </rPr>
      <t>FFS in RAN2 WG</t>
    </r>
    <r>
      <rPr>
        <sz val="8"/>
        <rFont val="Arial"/>
        <family val="2"/>
      </rPr>
      <t xml:space="preserve"> </t>
    </r>
    <r>
      <rPr>
        <sz val="8"/>
        <color rgb="FF0000FF"/>
        <rFont val="Arial"/>
        <family val="2"/>
      </rPr>
      <t>NR-DL-PRS-Config</t>
    </r>
  </si>
  <si>
    <r>
      <rPr>
        <strike/>
        <sz val="8"/>
        <rFont val="Arial"/>
        <family val="2"/>
      </rPr>
      <t xml:space="preserve">DL-PRS-ResourceSet </t>
    </r>
    <r>
      <rPr>
        <sz val="8"/>
        <color rgb="FF0000FF"/>
        <rFont val="Arial"/>
        <family val="2"/>
      </rPr>
      <t>NR-DL-PRS-ResourceSet</t>
    </r>
  </si>
  <si>
    <r>
      <rPr>
        <sz val="8"/>
        <color rgb="FF0000FF"/>
        <rFont val="Arial"/>
        <family val="2"/>
      </rPr>
      <t>37.355</t>
    </r>
    <r>
      <rPr>
        <strike/>
        <sz val="8"/>
        <rFont val="Arial"/>
        <family val="2"/>
      </rPr>
      <t>FFS for RAN2 WG</t>
    </r>
  </si>
  <si>
    <r>
      <rPr>
        <strike/>
        <sz val="8"/>
        <rFont val="Arial"/>
        <family val="2"/>
      </rPr>
      <t>DL-PRS-ResourceSet</t>
    </r>
    <r>
      <rPr>
        <sz val="8"/>
        <rFont val="Arial"/>
        <family val="2"/>
      </rPr>
      <t xml:space="preserve"> </t>
    </r>
    <r>
      <rPr>
        <sz val="8"/>
        <color rgb="FF0000FF"/>
        <rFont val="Arial"/>
        <family val="2"/>
      </rPr>
      <t>NR-DL-PRS-ResourceSet</t>
    </r>
  </si>
  <si>
    <r>
      <t>D</t>
    </r>
    <r>
      <rPr>
        <strike/>
        <sz val="8"/>
        <rFont val="Arial"/>
        <family val="2"/>
      </rPr>
      <t>L-PRS-ResourceSetId</t>
    </r>
    <r>
      <rPr>
        <sz val="8"/>
        <rFont val="Arial"/>
        <family val="2"/>
      </rPr>
      <t xml:space="preserve"> </t>
    </r>
    <r>
      <rPr>
        <sz val="8"/>
        <color rgb="FF0000FF"/>
        <rFont val="Arial"/>
        <family val="2"/>
      </rPr>
      <t>nr-DL-PRS-ResourceSetId</t>
    </r>
  </si>
  <si>
    <r>
      <rPr>
        <strike/>
        <sz val="8"/>
        <rFont val="Arial"/>
        <family val="2"/>
      </rPr>
      <t>DL-PRS-Periodicity</t>
    </r>
    <r>
      <rPr>
        <sz val="8"/>
        <rFont val="Arial"/>
        <family val="2"/>
      </rPr>
      <t xml:space="preserve"> </t>
    </r>
    <r>
      <rPr>
        <sz val="8"/>
        <color rgb="FF0000FF"/>
        <rFont val="Arial"/>
        <family val="2"/>
      </rPr>
      <t>dl-PRS-Periodicity-and-ResourceSetSlotOffset</t>
    </r>
  </si>
  <si>
    <r>
      <rPr>
        <strike/>
        <sz val="8"/>
        <rFont val="Arial"/>
        <family val="2"/>
      </rPr>
      <t xml:space="preserve">DL-PRS-ResourceRepetitionFactor </t>
    </r>
    <r>
      <rPr>
        <sz val="8"/>
        <color rgb="FF0000FF"/>
        <rFont val="Arial"/>
        <family val="2"/>
      </rPr>
      <t>dl-PRS-ResourceRepetitionFactor</t>
    </r>
  </si>
  <si>
    <r>
      <t>{</t>
    </r>
    <r>
      <rPr>
        <strike/>
        <sz val="8"/>
        <color rgb="FF0000FF"/>
        <rFont val="Arial"/>
        <family val="2"/>
      </rPr>
      <t xml:space="preserve">1, </t>
    </r>
    <r>
      <rPr>
        <sz val="8"/>
        <rFont val="Arial"/>
        <family val="2"/>
      </rPr>
      <t>2, 4, 6, 8, 16, 32}</t>
    </r>
  </si>
  <si>
    <r>
      <rPr>
        <strike/>
        <sz val="8"/>
        <rFont val="Arial"/>
        <family val="2"/>
      </rPr>
      <t>DL-PRS-ResourceTimeGap</t>
    </r>
    <r>
      <rPr>
        <sz val="8"/>
        <rFont val="Arial"/>
        <family val="2"/>
      </rPr>
      <t xml:space="preserve"> </t>
    </r>
    <r>
      <rPr>
        <sz val="8"/>
        <color rgb="FF0000FF"/>
        <rFont val="Arial"/>
        <family val="2"/>
      </rPr>
      <t>dl-PRS-ResourceTimeGap</t>
    </r>
  </si>
  <si>
    <r>
      <rPr>
        <strike/>
        <sz val="8"/>
        <rFont val="Arial"/>
        <family val="2"/>
      </rPr>
      <t xml:space="preserve">NR DL PRS Configuration </t>
    </r>
    <r>
      <rPr>
        <strike/>
        <sz val="8"/>
        <color rgb="FF0000FF"/>
        <rFont val="Arial"/>
        <family val="2"/>
      </rPr>
      <t>NR-DL-PRS-AssistanceDataPerTRP</t>
    </r>
  </si>
  <si>
    <r>
      <rPr>
        <strike/>
        <sz val="8"/>
        <rFont val="Arial"/>
        <family val="2"/>
      </rPr>
      <t xml:space="preserve">DL-PRS-SFN0-Offset </t>
    </r>
    <r>
      <rPr>
        <sz val="8"/>
        <color rgb="FF0000FF"/>
        <rFont val="Arial"/>
        <family val="2"/>
      </rPr>
      <t>nr-DL-PRS-SFN0-Offset</t>
    </r>
  </si>
  <si>
    <r>
      <rPr>
        <strike/>
        <sz val="8"/>
        <rFont val="Arial"/>
        <family val="2"/>
      </rPr>
      <t>DL-PRS-ResourceSetSlotOffset</t>
    </r>
    <r>
      <rPr>
        <sz val="8"/>
        <rFont val="Arial"/>
        <family val="2"/>
      </rPr>
      <t xml:space="preserve"> </t>
    </r>
    <r>
      <rPr>
        <sz val="8"/>
        <color rgb="FF0000FF"/>
        <rFont val="Arial"/>
        <family val="2"/>
      </rPr>
      <t>dl-PRS-Periodicity-and-ResourceSetSlotOffset</t>
    </r>
  </si>
  <si>
    <r>
      <rPr>
        <strike/>
        <sz val="8"/>
        <rFont val="Arial"/>
        <family val="2"/>
      </rPr>
      <t>DL-PRS-Resource</t>
    </r>
    <r>
      <rPr>
        <sz val="8"/>
        <rFont val="Arial"/>
        <family val="2"/>
      </rPr>
      <t xml:space="preserve"> </t>
    </r>
    <r>
      <rPr>
        <sz val="8"/>
        <color rgb="FF0000FF"/>
        <rFont val="Arial"/>
        <family val="2"/>
      </rPr>
      <t>NR-DL-PRS-Resource</t>
    </r>
  </si>
  <si>
    <r>
      <rPr>
        <strike/>
        <sz val="8"/>
        <rFont val="Arial"/>
        <family val="2"/>
      </rPr>
      <t>DL-PRS-Resource</t>
    </r>
    <r>
      <rPr>
        <sz val="8"/>
        <color rgb="FF0000FF"/>
        <rFont val="Arial"/>
        <family val="2"/>
      </rPr>
      <t>NR-DL-PRS-Resource</t>
    </r>
  </si>
  <si>
    <r>
      <rPr>
        <strike/>
        <sz val="8"/>
        <rFont val="Arial"/>
        <family val="2"/>
      </rPr>
      <t>DL-PRS-ResourceId</t>
    </r>
    <r>
      <rPr>
        <sz val="8"/>
        <rFont val="Arial"/>
        <family val="2"/>
      </rPr>
      <t xml:space="preserve"> </t>
    </r>
    <r>
      <rPr>
        <sz val="8"/>
        <color rgb="FF0000FF"/>
        <rFont val="Arial"/>
        <family val="2"/>
      </rPr>
      <t>nr-DL-PRS-ResourceId</t>
    </r>
  </si>
  <si>
    <r>
      <rPr>
        <strike/>
        <sz val="8"/>
        <rFont val="Arial"/>
        <family val="2"/>
      </rPr>
      <t>DL-PRS-SequenceId</t>
    </r>
    <r>
      <rPr>
        <sz val="8"/>
        <rFont val="Arial"/>
        <family val="2"/>
      </rPr>
      <t xml:space="preserve"> </t>
    </r>
    <r>
      <rPr>
        <sz val="8"/>
        <color rgb="FF0000FF"/>
        <rFont val="Arial"/>
        <family val="2"/>
      </rPr>
      <t>dl-PRS-SequenceId</t>
    </r>
  </si>
  <si>
    <r>
      <rPr>
        <strike/>
        <sz val="8"/>
        <rFont val="Arial"/>
        <family val="2"/>
      </rPr>
      <t>FFS in RAN2 WG</t>
    </r>
    <r>
      <rPr>
        <sz val="8"/>
        <rFont val="Arial"/>
        <family val="2"/>
      </rPr>
      <t xml:space="preserve"> </t>
    </r>
    <r>
      <rPr>
        <sz val="8"/>
        <color rgb="FF0000FF"/>
        <rFont val="Arial"/>
        <family val="2"/>
      </rPr>
      <t>NR-DL-PRS-Resource</t>
    </r>
  </si>
  <si>
    <r>
      <rPr>
        <strike/>
        <sz val="8"/>
        <rFont val="Arial"/>
        <family val="2"/>
      </rPr>
      <t>DL-PRS-CombSizeN</t>
    </r>
    <r>
      <rPr>
        <sz val="8"/>
        <rFont val="Arial"/>
        <family val="2"/>
      </rPr>
      <t xml:space="preserve"> </t>
    </r>
    <r>
      <rPr>
        <sz val="8"/>
        <color rgb="FF0000FF"/>
        <rFont val="Arial"/>
        <family val="2"/>
      </rPr>
      <t>dl-PRS-CombSizeN-and-ReOffset</t>
    </r>
  </si>
  <si>
    <r>
      <t>D</t>
    </r>
    <r>
      <rPr>
        <strike/>
        <sz val="8"/>
        <rFont val="Arial"/>
        <family val="2"/>
      </rPr>
      <t>L-PRS-ReOffset</t>
    </r>
    <r>
      <rPr>
        <sz val="8"/>
        <rFont val="Arial"/>
        <family val="2"/>
      </rPr>
      <t xml:space="preserve"> </t>
    </r>
    <r>
      <rPr>
        <sz val="8"/>
        <color rgb="FF0000FF"/>
        <rFont val="Arial"/>
        <family val="2"/>
      </rPr>
      <t>dl-PRS-CombSizeN-and-ReOffset</t>
    </r>
  </si>
  <si>
    <r>
      <rPr>
        <strike/>
        <sz val="8"/>
        <rFont val="Arial"/>
        <family val="2"/>
      </rPr>
      <t>DL-PRS-ResourceSlotOffset</t>
    </r>
    <r>
      <rPr>
        <sz val="8"/>
        <rFont val="Arial"/>
        <family val="2"/>
      </rPr>
      <t xml:space="preserve"> </t>
    </r>
    <r>
      <rPr>
        <sz val="8"/>
        <color rgb="FF0000FF"/>
        <rFont val="Arial"/>
        <family val="2"/>
      </rPr>
      <t>dl-PRS-ResourceSlotOffset</t>
    </r>
  </si>
  <si>
    <r>
      <rPr>
        <strike/>
        <sz val="8"/>
        <rFont val="Arial"/>
        <family val="2"/>
      </rPr>
      <t>DL-PRS-ResourceSymbolOffset</t>
    </r>
    <r>
      <rPr>
        <sz val="8"/>
        <color rgb="FF0000FF"/>
        <rFont val="Arial"/>
        <family val="2"/>
      </rPr>
      <t xml:space="preserve"> dl-PRS-ResourceSymbolOffset</t>
    </r>
  </si>
  <si>
    <r>
      <rPr>
        <strike/>
        <sz val="8"/>
        <rFont val="Arial"/>
        <family val="2"/>
      </rPr>
      <t xml:space="preserve">DL-PRS-NumSymbols </t>
    </r>
    <r>
      <rPr>
        <sz val="8"/>
        <color rgb="FF0000FF"/>
        <rFont val="Arial"/>
        <family val="2"/>
      </rPr>
      <t>dl-PRS-NumSymbols</t>
    </r>
  </si>
  <si>
    <r>
      <rPr>
        <strike/>
        <sz val="8"/>
        <rFont val="Arial"/>
        <family val="2"/>
      </rPr>
      <t>DL-PRS-QCL-Info</t>
    </r>
    <r>
      <rPr>
        <sz val="8"/>
        <rFont val="Arial"/>
        <family val="2"/>
      </rPr>
      <t xml:space="preserve"> </t>
    </r>
    <r>
      <rPr>
        <sz val="8"/>
        <color rgb="FF0000FF"/>
        <rFont val="Arial"/>
        <family val="2"/>
      </rPr>
      <t>dl-PRS-QCL-Info</t>
    </r>
  </si>
  <si>
    <r>
      <rPr>
        <strike/>
        <sz val="8"/>
        <rFont val="Arial"/>
        <family val="2"/>
      </rPr>
      <t>DL–PRS- PositioningFrequencyLayer</t>
    </r>
    <r>
      <rPr>
        <sz val="8"/>
        <rFont val="Arial"/>
        <family val="2"/>
      </rPr>
      <t xml:space="preserve"> </t>
    </r>
    <r>
      <rPr>
        <sz val="8"/>
        <color rgb="FF0000FF"/>
        <rFont val="Arial"/>
        <family val="2"/>
      </rPr>
      <t>NR-DL-–PRS-PositioningFrequencyLayer</t>
    </r>
  </si>
  <si>
    <r>
      <rPr>
        <strike/>
        <sz val="8"/>
        <rFont val="Arial"/>
        <family val="2"/>
      </rPr>
      <t xml:space="preserve">DL-PRS-SubcarrierSpacing </t>
    </r>
    <r>
      <rPr>
        <sz val="8"/>
        <color rgb="FF0000FF"/>
        <rFont val="Arial"/>
        <family val="2"/>
      </rPr>
      <t>dl-PRS-SubcarrierSpacing</t>
    </r>
  </si>
  <si>
    <r>
      <rPr>
        <strike/>
        <sz val="8"/>
        <rFont val="Arial"/>
        <family val="2"/>
      </rPr>
      <t>DL-PRS-CyclicPrefix</t>
    </r>
    <r>
      <rPr>
        <strike/>
        <sz val="8"/>
        <color rgb="FF0000FF"/>
        <rFont val="Arial"/>
        <family val="2"/>
      </rPr>
      <t xml:space="preserve"> </t>
    </r>
    <r>
      <rPr>
        <sz val="8"/>
        <color rgb="FF0000FF"/>
        <rFont val="Arial"/>
        <family val="2"/>
      </rPr>
      <t>dl-PRS-CyclicPrefix</t>
    </r>
  </si>
  <si>
    <r>
      <rPr>
        <strike/>
        <sz val="8"/>
        <rFont val="Arial"/>
        <family val="2"/>
      </rPr>
      <t xml:space="preserve">FFS in RAN2 WG </t>
    </r>
    <r>
      <rPr>
        <sz val="8"/>
        <color rgb="FF0000FF"/>
        <rFont val="Arial"/>
        <family val="2"/>
      </rPr>
      <t>NR-DL-–PRS-PositioningFrequencyLayer</t>
    </r>
  </si>
  <si>
    <r>
      <rPr>
        <strike/>
        <sz val="8"/>
        <rFont val="Arial"/>
        <family val="2"/>
      </rPr>
      <t>DL-PRS-ResourceBandwidth</t>
    </r>
    <r>
      <rPr>
        <sz val="8"/>
        <rFont val="Arial"/>
        <family val="2"/>
      </rPr>
      <t xml:space="preserve"> </t>
    </r>
    <r>
      <rPr>
        <sz val="8"/>
        <color rgb="FF0000FF"/>
        <rFont val="Arial"/>
        <family val="2"/>
      </rPr>
      <t>dl-PRS-ResourceBandwidth</t>
    </r>
  </si>
  <si>
    <r>
      <rPr>
        <strike/>
        <sz val="8"/>
        <rFont val="Arial"/>
        <family val="2"/>
      </rPr>
      <t>DL-PRS-StartPRB</t>
    </r>
    <r>
      <rPr>
        <sz val="8"/>
        <rFont val="Arial"/>
        <family val="2"/>
      </rPr>
      <t xml:space="preserve"> </t>
    </r>
    <r>
      <rPr>
        <sz val="8"/>
        <color rgb="FF0000FF"/>
        <rFont val="Arial"/>
        <family val="2"/>
      </rPr>
      <t>dl-PRS-StartPRB</t>
    </r>
  </si>
  <si>
    <r>
      <rPr>
        <strike/>
        <sz val="8"/>
        <rFont val="Arial"/>
        <family val="2"/>
      </rPr>
      <t>DL-PRS-PointA</t>
    </r>
    <r>
      <rPr>
        <sz val="8"/>
        <rFont val="Arial"/>
        <family val="2"/>
      </rPr>
      <t xml:space="preserve"> </t>
    </r>
    <r>
      <rPr>
        <sz val="8"/>
        <color rgb="FF0000FF"/>
        <rFont val="Arial"/>
        <family val="2"/>
      </rPr>
      <t>dl-PRS-PointA</t>
    </r>
  </si>
  <si>
    <r>
      <rPr>
        <strike/>
        <sz val="8"/>
        <rFont val="Arial"/>
        <family val="2"/>
      </rPr>
      <t xml:space="preserve">FFS in RAN2 WG </t>
    </r>
    <r>
      <rPr>
        <sz val="8"/>
        <color rgb="FF0000FF"/>
        <rFont val="Arial"/>
        <family val="2"/>
      </rPr>
      <t>NR-DL-PRS-AssistanceData</t>
    </r>
  </si>
  <si>
    <r>
      <rPr>
        <strike/>
        <sz val="8"/>
        <rFont val="Arial"/>
        <family val="2"/>
      </rPr>
      <t>DL-PRS-RstdReferenceInfo</t>
    </r>
    <r>
      <rPr>
        <strike/>
        <sz val="8"/>
        <color rgb="FF0000FF"/>
        <rFont val="Arial"/>
        <family val="2"/>
      </rPr>
      <t xml:space="preserve"> </t>
    </r>
    <r>
      <rPr>
        <sz val="8"/>
        <color rgb="FF0000FF"/>
        <rFont val="Arial"/>
        <family val="2"/>
      </rPr>
      <t>nr-DL-PRS-ReferenceInfo</t>
    </r>
  </si>
  <si>
    <r>
      <rPr>
        <sz val="8"/>
        <rFont val="Segoe UI Symbol"/>
        <family val="2"/>
      </rPr>
      <t>●</t>
    </r>
    <r>
      <rPr>
        <sz val="8"/>
        <rFont val="Arial"/>
        <family val="2"/>
      </rPr>
      <t xml:space="preserve"> The network can indicate one or more of the following for the UE to use to determine a reference (reference time based on the DL PRS Resource ID(s)) for DL RSTD measurements. 
</t>
    </r>
    <r>
      <rPr>
        <sz val="8"/>
        <rFont val="Segoe UI Symbol"/>
        <family val="2"/>
      </rPr>
      <t>○</t>
    </r>
    <r>
      <rPr>
        <sz val="8"/>
        <rFont val="Arial"/>
        <family val="2"/>
      </rPr>
      <t xml:space="preserve"> A DL PRS Resource ID 
</t>
    </r>
    <r>
      <rPr>
        <sz val="8"/>
        <rFont val="Segoe UI Symbol"/>
        <family val="2"/>
      </rPr>
      <t>○</t>
    </r>
    <r>
      <rPr>
        <sz val="8"/>
        <rFont val="Arial"/>
        <family val="2"/>
      </rPr>
      <t xml:space="preserve"> A subset of DL PRS Resource IDs from a single DL PRS Resource set
</t>
    </r>
    <r>
      <rPr>
        <sz val="8"/>
        <rFont val="Segoe UI Symbol"/>
        <family val="2"/>
      </rPr>
      <t>○</t>
    </r>
    <r>
      <rPr>
        <sz val="8"/>
        <rFont val="Arial"/>
        <family val="2"/>
      </rPr>
      <t xml:space="preserve"> A DL PRS Resource set
</t>
    </r>
    <r>
      <rPr>
        <sz val="8"/>
        <rFont val="Segoe UI Symbol"/>
        <family val="2"/>
      </rPr>
      <t>●</t>
    </r>
    <r>
      <rPr>
        <sz val="8"/>
        <rFont val="Arial"/>
        <family val="2"/>
      </rPr>
      <t xml:space="preserve"> The UE may use different DL PRS Resource ID(s) (with the condition that the multiple DL PRS Resource IDs belong to a single DL PRS Resource set) or a different DL PRS Resource set for determining the reference for the RSTD measurement, and if it chooses to do so, it should report the DL PRS Resource ID(s) and/or the information on the DL PRS Resource set used to determine the reference</t>
    </r>
  </si>
  <si>
    <r>
      <rPr>
        <sz val="8"/>
        <rFont val="Segoe UI Symbol"/>
        <family val="2"/>
      </rPr>
      <t>●</t>
    </r>
    <r>
      <rPr>
        <sz val="8"/>
        <rFont val="Arial"/>
        <family val="2"/>
      </rPr>
      <t xml:space="preserve"> The network can indicate one or more of the following for the UE to use to determine a reference (reference time based on the DL PRS Resource ID(s)) for DL RSTD measurements. 
</t>
    </r>
    <r>
      <rPr>
        <sz val="8"/>
        <rFont val="Segoe UI Symbol"/>
        <family val="2"/>
      </rPr>
      <t>○</t>
    </r>
    <r>
      <rPr>
        <sz val="8"/>
        <rFont val="Arial"/>
        <family val="2"/>
      </rPr>
      <t xml:space="preserve"> A DL PRS Resource ID 
</t>
    </r>
    <r>
      <rPr>
        <sz val="8"/>
        <rFont val="Segoe UI Symbol"/>
        <family val="2"/>
      </rPr>
      <t>○</t>
    </r>
    <r>
      <rPr>
        <sz val="8"/>
        <rFont val="Arial"/>
        <family val="2"/>
      </rPr>
      <t xml:space="preserve"> A subset of DL PRS Resource IDs from a single DL PRS Resource set
</t>
    </r>
    <r>
      <rPr>
        <sz val="8"/>
        <rFont val="Segoe UI Symbol"/>
        <family val="2"/>
      </rPr>
      <t>○</t>
    </r>
    <r>
      <rPr>
        <sz val="8"/>
        <rFont val="Arial"/>
        <family val="2"/>
      </rPr>
      <t xml:space="preserve"> A DL PRS Resource set
</t>
    </r>
    <r>
      <rPr>
        <sz val="8"/>
        <rFont val="Segoe UI Symbol"/>
        <family val="2"/>
      </rPr>
      <t>●</t>
    </r>
    <r>
      <rPr>
        <sz val="8"/>
        <rFont val="Arial"/>
        <family val="2"/>
      </rPr>
      <t xml:space="preserve"> The UE may use different DL PRS Resource ID(s) (with the condition that the multiple DL PRS Resource IDs belong to a single DL PRS Resource set) or a different DL PRS Resource set for determining the reference for the RSTD measurement, and if it chooses to do so, it should report the DL PRS Resource ID(s) and/or the information on the DL PRS Resour
The ID (previously agreed for TRP) of the reference DL PRS Resource or DL PRS Resource set is provided in DL-PRS-RSTD-ReferenceInfo.</t>
    </r>
  </si>
  <si>
    <r>
      <rPr>
        <strike/>
        <sz val="8"/>
        <rFont val="Arial"/>
        <family val="2"/>
      </rPr>
      <t xml:space="preserve">FFS in RAN2 WG </t>
    </r>
    <r>
      <rPr>
        <sz val="8"/>
        <color rgb="FF0000FF"/>
        <rFont val="Arial"/>
        <family val="2"/>
      </rPr>
      <t>NR-DL-TDOA-RequestLocationInformation</t>
    </r>
  </si>
  <si>
    <r>
      <rPr>
        <strike/>
        <sz val="8"/>
        <rFont val="Arial"/>
        <family val="2"/>
      </rPr>
      <t>DL-PRS-RstdMeasurementInfoRequest</t>
    </r>
    <r>
      <rPr>
        <sz val="8"/>
        <rFont val="Arial"/>
        <family val="2"/>
      </rPr>
      <t xml:space="preserve"> </t>
    </r>
    <r>
      <rPr>
        <sz val="8"/>
        <color rgb="FF0000FF"/>
        <rFont val="Arial"/>
        <family val="2"/>
      </rPr>
      <t>nr-DL-PRS-RstdMeasurementInfoRequest</t>
    </r>
  </si>
  <si>
    <r>
      <rPr>
        <strike/>
        <sz val="8"/>
        <rFont val="Arial"/>
        <family val="2"/>
      </rPr>
      <t xml:space="preserve">FFS in RAN2 WG </t>
    </r>
    <r>
      <rPr>
        <sz val="8"/>
        <color rgb="FFFF0000"/>
        <rFont val="Arial"/>
        <family val="2"/>
      </rPr>
      <t>NR-Multi-RTT-RequestLocationInformation</t>
    </r>
  </si>
  <si>
    <r>
      <rPr>
        <strike/>
        <sz val="8"/>
        <rFont val="Arial"/>
        <family val="2"/>
      </rPr>
      <t>DL-PRS-UE-Rx-Tx-MeasurementInfoRequest</t>
    </r>
    <r>
      <rPr>
        <sz val="8"/>
        <rFont val="Arial"/>
        <family val="2"/>
      </rPr>
      <t xml:space="preserve"> </t>
    </r>
    <r>
      <rPr>
        <sz val="8"/>
        <color rgb="FFFF0000"/>
        <rFont val="Arial"/>
        <family val="2"/>
      </rPr>
      <t>nr-DL-PRS-UE-Rx-Tx-MeasurementInfoRequest</t>
    </r>
  </si>
  <si>
    <t>o Multiple DL PRS resources can be used to determine the received DL subframe timing of the first arrival path of the TRP. 
o At least the PRS resource ID(s) or PRS resource set ID(s) used for determining the timing of each TRP in the UE Rx-Tx time difference measurements can be configured for reporting in the measurement report.
Intel-Yi, missing in current version, and will be added.</t>
  </si>
  <si>
    <r>
      <rPr>
        <strike/>
        <sz val="8"/>
        <rFont val="Arial"/>
        <family val="2"/>
      </rPr>
      <t>FFS in RAN2 WG</t>
    </r>
    <r>
      <rPr>
        <sz val="8"/>
        <rFont val="Arial"/>
        <family val="2"/>
      </rPr>
      <t xml:space="preserve"> </t>
    </r>
    <r>
      <rPr>
        <sz val="8"/>
        <color rgb="FF0000FF"/>
        <rFont val="Arial"/>
        <family val="2"/>
      </rPr>
      <t>NR-DL-PRS-AssistanceDataPerTRP</t>
    </r>
  </si>
  <si>
    <r>
      <rPr>
        <strike/>
        <sz val="8"/>
        <rFont val="Arial"/>
        <family val="2"/>
      </rPr>
      <t xml:space="preserve">DL-PRS-expectedRSTD  </t>
    </r>
    <r>
      <rPr>
        <sz val="8"/>
        <color rgb="FF0000FF"/>
        <rFont val="Arial"/>
        <family val="2"/>
      </rPr>
      <t>nr-DL-PRS-expectedRSTD</t>
    </r>
  </si>
  <si>
    <r>
      <rPr>
        <strike/>
        <sz val="8"/>
        <rFont val="Arial"/>
        <family val="2"/>
      </rPr>
      <t>DL-PRS-expectedRSTD-uncertainty</t>
    </r>
    <r>
      <rPr>
        <sz val="8"/>
        <rFont val="Arial"/>
        <family val="2"/>
      </rPr>
      <t xml:space="preserve"> </t>
    </r>
    <r>
      <rPr>
        <sz val="8"/>
        <color rgb="FF0000FF"/>
        <rFont val="Arial"/>
        <family val="2"/>
      </rPr>
      <t>nr-DL-PRS-expectedRSTD-uncertainty</t>
    </r>
  </si>
  <si>
    <r>
      <rPr>
        <strike/>
        <sz val="8"/>
        <rFont val="Arial"/>
        <family val="2"/>
      </rPr>
      <t>DL-PRS-MutingPattern</t>
    </r>
    <r>
      <rPr>
        <sz val="8"/>
        <rFont val="Arial"/>
        <family val="2"/>
      </rPr>
      <t xml:space="preserve"> </t>
    </r>
    <r>
      <rPr>
        <sz val="8"/>
        <color rgb="FF0000FF"/>
        <rFont val="Arial"/>
        <family val="2"/>
      </rPr>
      <t>dl-PRS-MutingOption1 dl-PRS-MutingOption2</t>
    </r>
  </si>
  <si>
    <r>
      <rPr>
        <strike/>
        <sz val="8"/>
        <rFont val="Arial"/>
        <family val="2"/>
      </rPr>
      <t>DL-PRS-ResourceSet</t>
    </r>
    <r>
      <rPr>
        <sz val="8"/>
        <rFont val="Arial"/>
        <family val="2"/>
      </rPr>
      <t xml:space="preserve"> </t>
    </r>
    <r>
      <rPr>
        <sz val="8"/>
        <color rgb="FF0000FF"/>
        <rFont val="Arial"/>
        <family val="2"/>
      </rPr>
      <t>DL-PRS-MutingOption1</t>
    </r>
  </si>
  <si>
    <r>
      <rPr>
        <strike/>
        <sz val="8"/>
        <rFont val="Arial"/>
        <family val="2"/>
      </rPr>
      <t>DL-PRS-MutingBitRepetitionFactor</t>
    </r>
    <r>
      <rPr>
        <sz val="8"/>
        <rFont val="Arial"/>
        <family val="2"/>
      </rPr>
      <t xml:space="preserve"> </t>
    </r>
    <r>
      <rPr>
        <sz val="8"/>
        <color rgb="FF0000FF"/>
        <rFont val="Arial"/>
        <family val="2"/>
      </rPr>
      <t>dl-prs-MutingBitRepetitionFactor</t>
    </r>
  </si>
  <si>
    <r>
      <rPr>
        <strike/>
        <sz val="8"/>
        <rFont val="Arial"/>
        <family val="2"/>
      </rPr>
      <t>FFS in RAN2 WG</t>
    </r>
    <r>
      <rPr>
        <sz val="8"/>
        <rFont val="Arial"/>
        <family val="2"/>
      </rPr>
      <t xml:space="preserve"> </t>
    </r>
    <r>
      <rPr>
        <sz val="8"/>
        <color rgb="FFFF0000"/>
        <rFont val="Arial"/>
        <family val="2"/>
      </rPr>
      <t>TRP-ID</t>
    </r>
  </si>
  <si>
    <r>
      <rPr>
        <strike/>
        <sz val="8"/>
        <rFont val="Arial"/>
        <family val="2"/>
      </rPr>
      <t>ID</t>
    </r>
    <r>
      <rPr>
        <sz val="8"/>
        <rFont val="Arial"/>
        <family val="2"/>
      </rPr>
      <t xml:space="preserve"> </t>
    </r>
    <r>
      <rPr>
        <sz val="8"/>
        <color rgb="FF0000FF"/>
        <rFont val="Arial"/>
        <family val="2"/>
      </rPr>
      <t>dl-PRS-ID</t>
    </r>
  </si>
  <si>
    <t>Intel-Yi, the discussion is ongoning on whether to move dl-PRS-ID out of TRP-ID</t>
  </si>
  <si>
    <r>
      <rPr>
        <strike/>
        <sz val="8"/>
        <rFont val="Arial"/>
        <family val="2"/>
      </rPr>
      <t>FFS in RAN2 WG</t>
    </r>
    <r>
      <rPr>
        <sz val="8"/>
        <rFont val="Arial"/>
        <family val="2"/>
      </rPr>
      <t xml:space="preserve"> </t>
    </r>
    <r>
      <rPr>
        <sz val="8"/>
        <color rgb="FF0000FF"/>
        <rFont val="Arial"/>
        <family val="2"/>
      </rPr>
      <t>NR-SSB-Config</t>
    </r>
  </si>
  <si>
    <r>
      <rPr>
        <strike/>
        <sz val="8"/>
        <rFont val="Arial"/>
        <family val="2"/>
      </rPr>
      <t>TimingMeasQualit</t>
    </r>
    <r>
      <rPr>
        <sz val="8"/>
        <rFont val="Arial"/>
        <family val="2"/>
      </rPr>
      <t xml:space="preserve">y </t>
    </r>
    <r>
      <rPr>
        <sz val="8"/>
        <color rgb="FF0000FF"/>
        <rFont val="Arial"/>
        <family val="2"/>
      </rPr>
      <t>NR-TimingQuality</t>
    </r>
  </si>
  <si>
    <r>
      <rPr>
        <strike/>
        <sz val="8"/>
        <rFont val="Arial"/>
        <family val="2"/>
      </rPr>
      <t>TimingMeasQuality.Value</t>
    </r>
    <r>
      <rPr>
        <sz val="8"/>
        <rFont val="Arial"/>
        <family val="2"/>
      </rPr>
      <t xml:space="preserve"> </t>
    </r>
    <r>
      <rPr>
        <sz val="8"/>
        <color rgb="FF0000FF"/>
        <rFont val="Arial"/>
        <family val="2"/>
      </rPr>
      <t>timingQualityValue</t>
    </r>
  </si>
  <si>
    <r>
      <rPr>
        <strike/>
        <sz val="8"/>
        <rFont val="Arial"/>
        <family val="2"/>
      </rPr>
      <t>TimingMeasQuality.Resolution</t>
    </r>
    <r>
      <rPr>
        <sz val="8"/>
        <rFont val="Arial"/>
        <family val="2"/>
      </rPr>
      <t xml:space="preserve"> </t>
    </r>
    <r>
      <rPr>
        <sz val="8"/>
        <color rgb="FF0000FF"/>
        <rFont val="Arial"/>
        <family val="2"/>
      </rPr>
      <t>timingQualityResolution</t>
    </r>
  </si>
  <si>
    <t>NR-DL-PRS-AssistanceDataPerFreq</t>
  </si>
  <si>
    <r>
      <rPr>
        <strike/>
        <sz val="8"/>
        <rFont val="Arial"/>
        <family val="2"/>
      </rPr>
      <t>DL–PRS- PositioningFrequencyLayer</t>
    </r>
    <r>
      <rPr>
        <sz val="8"/>
        <rFont val="Arial"/>
        <family val="2"/>
      </rPr>
      <t xml:space="preserve"> </t>
    </r>
    <r>
      <rPr>
        <sz val="8"/>
        <color rgb="FF0000FF"/>
        <rFont val="Arial"/>
        <family val="2"/>
      </rPr>
      <t>NR-DL-PRS-PositioningFrequencyLayer</t>
    </r>
  </si>
  <si>
    <r>
      <rPr>
        <strike/>
        <sz val="8"/>
        <rFont val="Arial"/>
        <family val="2"/>
      </rPr>
      <t xml:space="preserve">FFS in RAN2 WG </t>
    </r>
    <r>
      <rPr>
        <sz val="8"/>
        <rFont val="Arial"/>
        <family val="2"/>
      </rPr>
      <t xml:space="preserve">
</t>
    </r>
    <r>
      <rPr>
        <sz val="8"/>
        <color rgb="FF0000FF"/>
        <rFont val="Arial"/>
        <family val="2"/>
      </rPr>
      <t xml:space="preserve">NR-DL-TDOA-MeasElement
NR-DL-TDOA-AdditionalMeasurementElement
NR-DL-TDOA-LocationInformation
NR-DL-AoD-MeasElement
NR-DL-AoD-AdditionalMeasurementElement
NR-DL-AoD-LocationInformation
NR-Multi-RTT-MeasElement
NR-Multi-RTT-AdditionalMeasurementElement
</t>
    </r>
  </si>
  <si>
    <r>
      <rPr>
        <strike/>
        <sz val="8"/>
        <rFont val="Arial"/>
        <family val="2"/>
      </rPr>
      <t>Timestamp</t>
    </r>
    <r>
      <rPr>
        <sz val="8"/>
        <rFont val="Arial"/>
        <family val="2"/>
      </rPr>
      <t xml:space="preserve"> </t>
    </r>
    <r>
      <rPr>
        <sz val="8"/>
        <color rgb="FF0000FF"/>
        <rFont val="Arial"/>
        <family val="2"/>
      </rPr>
      <t>NR-TimeStamp</t>
    </r>
  </si>
  <si>
    <r>
      <rPr>
        <strike/>
        <sz val="8"/>
        <rFont val="Arial"/>
        <family val="2"/>
      </rPr>
      <t>FFS in RAN2 WG</t>
    </r>
    <r>
      <rPr>
        <sz val="8"/>
        <color rgb="FF0000FF"/>
        <rFont val="Arial"/>
        <family val="2"/>
      </rPr>
      <t xml:space="preserve">
NR-DL-AoD-ReportConfig
</t>
    </r>
  </si>
  <si>
    <r>
      <rPr>
        <strike/>
        <sz val="8"/>
        <rFont val="Arial"/>
        <family val="2"/>
      </rPr>
      <t>NumDL-PRS-RSRP-MeasurementsPerTRP</t>
    </r>
    <r>
      <rPr>
        <sz val="8"/>
        <rFont val="Arial"/>
        <family val="2"/>
      </rPr>
      <t xml:space="preserve">
</t>
    </r>
    <r>
      <rPr>
        <sz val="8"/>
        <color rgb="FF0000FF"/>
        <rFont val="Arial"/>
        <family val="2"/>
      </rPr>
      <t>maxDL-PRS-RSRP-MeasurementsPerTRP</t>
    </r>
  </si>
  <si>
    <r>
      <rPr>
        <strike/>
        <sz val="8"/>
        <rFont val="Arial"/>
        <family val="2"/>
      </rPr>
      <t>FFS in RAN2 WG</t>
    </r>
    <r>
      <rPr>
        <sz val="8"/>
        <rFont val="Arial"/>
        <family val="2"/>
      </rPr>
      <t xml:space="preserve">
</t>
    </r>
    <r>
      <rPr>
        <sz val="8"/>
        <color rgb="FF0000FF"/>
        <rFont val="Arial"/>
        <family val="2"/>
      </rPr>
      <t>NR-DL-TDOA-ReportConfig</t>
    </r>
    <r>
      <rPr>
        <sz val="8"/>
        <rFont val="Arial"/>
        <family val="2"/>
      </rPr>
      <t xml:space="preserve">
</t>
    </r>
  </si>
  <si>
    <r>
      <rPr>
        <strike/>
        <sz val="8"/>
        <rFont val="Arial"/>
        <family val="2"/>
      </rPr>
      <t>NumDL-PRS-RSTD-MeasurementsPerTRPPair</t>
    </r>
    <r>
      <rPr>
        <sz val="8"/>
        <rFont val="Arial"/>
        <family val="2"/>
      </rPr>
      <t xml:space="preserve">
</t>
    </r>
    <r>
      <rPr>
        <sz val="8"/>
        <color rgb="FF0000FF"/>
        <rFont val="Arial"/>
        <family val="2"/>
      </rPr>
      <t>maxDL-PRS-RSTD-MeasurementsPerTRPPair</t>
    </r>
  </si>
  <si>
    <r>
      <rPr>
        <strike/>
        <sz val="8"/>
        <rFont val="Arial"/>
        <family val="2"/>
      </rPr>
      <t>FFS in RAN2 WG</t>
    </r>
    <r>
      <rPr>
        <sz val="8"/>
        <rFont val="Arial"/>
        <family val="2"/>
      </rPr>
      <t xml:space="preserve"> </t>
    </r>
    <r>
      <rPr>
        <sz val="8"/>
        <color rgb="FF0000FF"/>
        <rFont val="Arial"/>
        <family val="2"/>
      </rPr>
      <t>NR-Multi-RTT-ReportConfig</t>
    </r>
  </si>
  <si>
    <r>
      <rPr>
        <strike/>
        <sz val="8"/>
        <rFont val="Arial"/>
        <family val="2"/>
      </rPr>
      <t>NumDL-PRS-Rx-Tx-TimeDifferenceMeasurementsPerTRP</t>
    </r>
    <r>
      <rPr>
        <sz val="8"/>
        <rFont val="Arial"/>
        <family val="2"/>
      </rPr>
      <t xml:space="preserve">
</t>
    </r>
    <r>
      <rPr>
        <sz val="8"/>
        <color rgb="FF0000FF"/>
        <rFont val="Arial"/>
        <family val="2"/>
      </rPr>
      <t>maxDL-PRS-RxTxTimeDiffMeasPerTRP</t>
    </r>
  </si>
  <si>
    <t xml:space="preserve">Intel-Yi, this should be UE capability instead of configuration, and not contained in the latest RAN1 feature lists. </t>
  </si>
  <si>
    <r>
      <rPr>
        <strike/>
        <sz val="8"/>
        <rFont val="Arial"/>
        <family val="2"/>
      </rPr>
      <t>FFS for RAN2/RAN3 WG</t>
    </r>
    <r>
      <rPr>
        <sz val="8"/>
        <rFont val="Arial"/>
        <family val="2"/>
      </rPr>
      <t xml:space="preserve">
</t>
    </r>
    <r>
      <rPr>
        <sz val="8"/>
        <color rgb="FF0000FF"/>
        <rFont val="Arial"/>
        <family val="2"/>
      </rPr>
      <t>NR-DL-TDOA-ReportConfig
NR-Multi-RTT-ReportConfig</t>
    </r>
  </si>
  <si>
    <r>
      <rPr>
        <strike/>
        <sz val="8"/>
        <rFont val="Arial"/>
        <family val="2"/>
      </rPr>
      <t>TimingReportingGranularityFactor</t>
    </r>
    <r>
      <rPr>
        <sz val="8"/>
        <rFont val="Arial"/>
        <family val="2"/>
      </rPr>
      <t xml:space="preserve">
</t>
    </r>
    <r>
      <rPr>
        <sz val="8"/>
        <color rgb="FF0000FF"/>
        <rFont val="Arial"/>
        <family val="2"/>
      </rPr>
      <t>timingReportingGranularityFactor</t>
    </r>
  </si>
  <si>
    <r>
      <rPr>
        <sz val="8"/>
        <color rgb="FF0000FF"/>
        <rFont val="Arial"/>
        <family val="2"/>
      </rPr>
      <t xml:space="preserve">37.355 </t>
    </r>
    <r>
      <rPr>
        <sz val="8"/>
        <rFont val="Arial"/>
        <family val="2"/>
      </rPr>
      <t xml:space="preserve">FFS for </t>
    </r>
    <r>
      <rPr>
        <strike/>
        <sz val="8"/>
        <rFont val="Arial"/>
        <family val="2"/>
      </rPr>
      <t>RAN2/</t>
    </r>
    <r>
      <rPr>
        <sz val="8"/>
        <rFont val="Arial"/>
        <family val="2"/>
      </rPr>
      <t>RAN3 WG</t>
    </r>
  </si>
  <si>
    <r>
      <rPr>
        <strike/>
        <sz val="8"/>
        <rFont val="Arial"/>
        <family val="2"/>
      </rPr>
      <t>FFS in RAN2 WG</t>
    </r>
    <r>
      <rPr>
        <sz val="8"/>
        <rFont val="Arial"/>
        <family val="2"/>
      </rPr>
      <t xml:space="preserve"> </t>
    </r>
    <r>
      <rPr>
        <sz val="8"/>
        <color rgb="FFFF0000"/>
        <rFont val="Arial"/>
        <family val="2"/>
      </rPr>
      <t>trp-ID</t>
    </r>
  </si>
  <si>
    <r>
      <rPr>
        <strike/>
        <sz val="8"/>
        <rFont val="Arial"/>
        <family val="2"/>
      </rPr>
      <t>PC</t>
    </r>
    <r>
      <rPr>
        <sz val="8"/>
        <rFont val="Arial"/>
        <family val="2"/>
      </rPr>
      <t xml:space="preserve">I </t>
    </r>
    <r>
      <rPr>
        <sz val="8"/>
        <color rgb="FF0000FF"/>
        <rFont val="Arial"/>
        <family val="2"/>
      </rPr>
      <t>nr-PhysCellId</t>
    </r>
  </si>
  <si>
    <r>
      <t xml:space="preserve">• For DL-PRS processing, the following SSB assistance data can be provided for an indicated SSB:
o PCI of the cell 
o ssbFrequency with values: ARFCN-ValueNR
o halfFrameIndex with values: 0 or 1
o SSB-periodicity with the values: ServingCellConfigCommon IE.
o SSB-positionInBurst with values: of ServingCellConfigCommon IE.
o ssbSubcarrierSpacing with values: SubcarrierSpacing IE
o SFN-SSBoffset with values {0,1,2,…15}
o Working assumption: Smtc per SSB frequency layer with values: SSB-MTC IE 
o SSB Index
• The SSB index indicated for QCL Type D and QCL Type C for a DL-PRS resource should be the same
• Note: SSB frequency layer is determined by ssbFrequency and ssbSubcarrierSpacing
• Note: The SSB assistance data can be provided at least when DL-PRS-QCL-Info for a DL-PRS Resource of a TRP indicates ‘QCL Type-D’ or ‘QCL Type C’, or when DL-PRS is punctured by SSB.
• Note: The SSB-positionInBurst parameter is needed only for SSB puncturing.
• Note: The feasibility of the working assumption above can be assessed by RAN2 and RAN3.
</t>
    </r>
    <r>
      <rPr>
        <sz val="8"/>
        <color rgb="FFFF0000"/>
        <rFont val="Arial"/>
        <family val="2"/>
      </rPr>
      <t>Intel-Yi, the disucssion is ongoing on whether PCI/frequency should be moved out of trp-ID.</t>
    </r>
  </si>
  <si>
    <r>
      <rPr>
        <strike/>
        <sz val="8"/>
        <rFont val="Arial"/>
        <family val="2"/>
      </rPr>
      <t>ssbFrequency</t>
    </r>
    <r>
      <rPr>
        <sz val="8"/>
        <rFont val="Arial"/>
        <family val="2"/>
      </rPr>
      <t xml:space="preserve"> </t>
    </r>
    <r>
      <rPr>
        <sz val="8"/>
        <color rgb="FF0000FF"/>
        <rFont val="Arial"/>
        <family val="2"/>
      </rPr>
      <t>nrARFCNRef</t>
    </r>
  </si>
  <si>
    <r>
      <rPr>
        <strike/>
        <sz val="8"/>
        <rFont val="Arial"/>
        <family val="2"/>
      </rPr>
      <t>FFS in RAN2 WG</t>
    </r>
    <r>
      <rPr>
        <strike/>
        <sz val="8"/>
        <color rgb="FF0000FF"/>
        <rFont val="Arial"/>
        <family val="2"/>
      </rPr>
      <t xml:space="preserve"> </t>
    </r>
    <r>
      <rPr>
        <sz val="8"/>
        <color rgb="FF0000FF"/>
        <rFont val="Arial"/>
        <family val="2"/>
      </rPr>
      <t>NR-SSB-Config</t>
    </r>
  </si>
  <si>
    <t xml:space="preserve">halfFrameIndex </t>
  </si>
  <si>
    <r>
      <rPr>
        <strike/>
        <sz val="8"/>
        <rFont val="Arial"/>
        <family val="2"/>
      </rPr>
      <t xml:space="preserve">SSB-periodicity </t>
    </r>
    <r>
      <rPr>
        <sz val="8"/>
        <color rgb="FF0000FF"/>
        <rFont val="Arial"/>
        <family val="2"/>
      </rPr>
      <t>ssb-periodicity</t>
    </r>
  </si>
  <si>
    <r>
      <rPr>
        <strike/>
        <sz val="8"/>
        <rFont val="Arial"/>
        <family val="2"/>
      </rPr>
      <t>SSB-positionInBurst</t>
    </r>
    <r>
      <rPr>
        <sz val="8"/>
        <rFont val="Arial"/>
        <family val="2"/>
      </rPr>
      <t xml:space="preserve"> </t>
    </r>
    <r>
      <rPr>
        <sz val="8"/>
        <color rgb="FF0000FF"/>
        <rFont val="Arial"/>
        <family val="2"/>
      </rPr>
      <t>ssb-PositionsInBurst</t>
    </r>
  </si>
  <si>
    <r>
      <t xml:space="preserve">ssbSubcarrierSpacing </t>
    </r>
    <r>
      <rPr>
        <u/>
        <sz val="5"/>
        <rFont val="Arial"/>
        <family val="2"/>
      </rPr>
      <t xml:space="preserve"> </t>
    </r>
  </si>
  <si>
    <r>
      <rPr>
        <strike/>
        <sz val="8"/>
        <rFont val="Arial"/>
        <family val="2"/>
      </rPr>
      <t>SFN_SSBOffset</t>
    </r>
    <r>
      <rPr>
        <sz val="8"/>
        <rFont val="Arial"/>
        <family val="2"/>
      </rPr>
      <t xml:space="preserve"> </t>
    </r>
    <r>
      <rPr>
        <sz val="8"/>
        <color rgb="FF0000FF"/>
        <rFont val="Arial"/>
        <family val="2"/>
      </rPr>
      <t>sfn-SSB-Offset</t>
    </r>
  </si>
  <si>
    <r>
      <rPr>
        <strike/>
        <sz val="8"/>
        <rFont val="Arial"/>
        <family val="2"/>
      </rPr>
      <t>SMTC</t>
    </r>
    <r>
      <rPr>
        <sz val="8"/>
        <rFont val="Arial"/>
        <family val="2"/>
      </rPr>
      <t xml:space="preserve"> </t>
    </r>
    <r>
      <rPr>
        <sz val="8"/>
        <color rgb="FFFF0000"/>
        <rFont val="Arial"/>
        <family val="2"/>
      </rPr>
      <t>smtc</t>
    </r>
  </si>
  <si>
    <r>
      <t xml:space="preserve">• For DL-PRS processing, the following SSB assistance data can be provided for an indicated SSB:
o PCI of the cell 
o ssbFrequency with values: ARFCN-ValueNR
o halfFrameIndex with values: 0 or 1
o SSB-periodicity with the values: ServingCellConfigCommon IE.
o SSB-positionInBurst with values: of ServingCellConfigCommon IE.
o ssbSubcarrierSpacing with values: SubcarrierSpacing IE
o SFN-SSBoffset with values {0,1,2,…15}
o Working assumption: Smtc per SSB frequency layer with values: SSB-MTC IE 
o SSB Index
• The SSB index indicated for QCL Type D and QCL Type C for a DL-PRS resource should be the same
• Note: SSB frequency layer is determined by ssbFrequency and ssbSubcarrierSpacing
• Note: The SSB assistance data can be provided at least when DL-PRS-QCL-Info for a DL-PRS Resource of a TRP indicates ‘QCL Type-D’ or ‘QCL Type C’, or when DL-PRS is punctured by SSB.
• Note: The SSB-positionInBurst parameter is needed only for SSB puncturing.
• Note: The feasibility of the working assumption above can be assessed by RAN2 and RAN3.
</t>
    </r>
    <r>
      <rPr>
        <sz val="8"/>
        <color rgb="FFFF0000"/>
        <rFont val="Arial"/>
        <family val="2"/>
      </rPr>
      <t xml:space="preserve">Intel-Yi, based on latest RAN1 agreements, this will be deleted. </t>
    </r>
  </si>
  <si>
    <r>
      <rPr>
        <strike/>
        <sz val="8"/>
        <rFont val="Arial"/>
        <family val="2"/>
      </rPr>
      <t>FFS in RAN2 WG</t>
    </r>
    <r>
      <rPr>
        <sz val="8"/>
        <rFont val="Arial"/>
        <family val="2"/>
      </rPr>
      <t xml:space="preserve"> </t>
    </r>
    <r>
      <rPr>
        <sz val="8"/>
        <color rgb="FF0000FF"/>
        <rFont val="Arial"/>
        <family val="2"/>
      </rPr>
      <t>DL-PRS-QCL-Info</t>
    </r>
  </si>
  <si>
    <r>
      <rPr>
        <strike/>
        <sz val="8"/>
        <rFont val="Arial"/>
        <family val="2"/>
      </rPr>
      <t>SSB Index</t>
    </r>
    <r>
      <rPr>
        <sz val="8"/>
        <rFont val="Arial"/>
        <family val="2"/>
      </rPr>
      <t xml:space="preserve"> </t>
    </r>
    <r>
      <rPr>
        <sz val="8"/>
        <color rgb="FF0000FF"/>
        <rFont val="Arial"/>
        <family val="2"/>
      </rPr>
      <t>ssb-Index</t>
    </r>
  </si>
  <si>
    <r>
      <t xml:space="preserve">SRS-Resource </t>
    </r>
    <r>
      <rPr>
        <sz val="8"/>
        <rFont val="Arial"/>
        <family val="2"/>
      </rPr>
      <t>SRS-PosResource</t>
    </r>
  </si>
  <si>
    <r>
      <rPr>
        <strike/>
        <sz val="8"/>
        <rFont val="Arial"/>
        <family val="2"/>
      </rPr>
      <t>SRS-ResourceSet</t>
    </r>
    <r>
      <rPr>
        <sz val="8"/>
        <rFont val="Arial"/>
        <family val="2"/>
      </rPr>
      <t xml:space="preserve">                    SRS-PosResourceSet</t>
    </r>
  </si>
  <si>
    <r>
      <rPr>
        <strike/>
        <sz val="8"/>
        <rFont val="Arial"/>
        <family val="2"/>
      </rPr>
      <t>SRS-ResourceSet</t>
    </r>
    <r>
      <rPr>
        <sz val="8"/>
        <rFont val="Arial"/>
        <family val="2"/>
      </rPr>
      <t xml:space="preserve">                        SRS-PosResourceSet</t>
    </r>
  </si>
  <si>
    <r>
      <t xml:space="preserve">SRS-Resource                                 </t>
    </r>
    <r>
      <rPr>
        <sz val="8"/>
        <rFont val="Arial"/>
        <family val="2"/>
      </rPr>
      <t>SRS-PosResource</t>
    </r>
  </si>
  <si>
    <r>
      <rPr>
        <strike/>
        <sz val="8"/>
        <rFont val="Arial"/>
        <family val="2"/>
      </rPr>
      <t>SRS-ResourceId</t>
    </r>
    <r>
      <rPr>
        <sz val="8"/>
        <rFont val="Arial"/>
        <family val="2"/>
      </rPr>
      <t xml:space="preserve"> srs-PosResourceId</t>
    </r>
  </si>
  <si>
    <r>
      <rPr>
        <strike/>
        <sz val="8"/>
        <rFont val="Arial"/>
        <family val="2"/>
      </rPr>
      <t>SRS-Resource</t>
    </r>
    <r>
      <rPr>
        <sz val="8"/>
        <rFont val="Arial"/>
        <family val="2"/>
      </rPr>
      <t xml:space="preserve"> SRS-PosResource</t>
    </r>
  </si>
  <si>
    <r>
      <rPr>
        <strike/>
        <sz val="8"/>
        <rFont val="Arial"/>
        <family val="2"/>
      </rPr>
      <t>spatialRelationInfo</t>
    </r>
    <r>
      <rPr>
        <sz val="8"/>
        <rFont val="Arial"/>
        <family val="2"/>
      </rPr>
      <t xml:space="preserve"> spatialRelationInfoPos</t>
    </r>
  </si>
  <si>
    <r>
      <t xml:space="preserve">SRS-ResourceSet </t>
    </r>
    <r>
      <rPr>
        <sz val="8"/>
        <rFont val="Arial"/>
        <family val="2"/>
      </rPr>
      <t>SRS-PosResourc</t>
    </r>
    <r>
      <rPr>
        <strike/>
        <sz val="8"/>
        <rFont val="Arial"/>
        <family val="2"/>
      </rPr>
      <t>e</t>
    </r>
    <r>
      <rPr>
        <sz val="8"/>
        <rFont val="Arial"/>
        <family val="2"/>
      </rPr>
      <t>Set</t>
    </r>
  </si>
  <si>
    <r>
      <rPr>
        <strike/>
        <sz val="8"/>
        <rFont val="Arial"/>
        <family val="2"/>
      </rPr>
      <t>srsResourceSetId</t>
    </r>
    <r>
      <rPr>
        <sz val="8"/>
        <rFont val="Arial"/>
        <family val="2"/>
      </rPr>
      <t xml:space="preserve">                      srs-PosResourceSetId</t>
    </r>
  </si>
  <si>
    <r>
      <rPr>
        <strike/>
        <sz val="8"/>
        <rFont val="Arial"/>
        <family val="2"/>
      </rPr>
      <t>srsResourceSetId</t>
    </r>
    <r>
      <rPr>
        <sz val="8"/>
        <rFont val="Arial"/>
        <family val="2"/>
      </rPr>
      <t xml:space="preserve">                            srs-PosResourceSetId</t>
    </r>
  </si>
  <si>
    <r>
      <t xml:space="preserve">srsResourceIdList </t>
    </r>
    <r>
      <rPr>
        <sz val="8"/>
        <rFont val="Arial"/>
        <family val="2"/>
      </rPr>
      <t xml:space="preserve">                    srs-PosResourceId</t>
    </r>
  </si>
  <si>
    <r>
      <t xml:space="preserve">srsResourceIdList </t>
    </r>
    <r>
      <rPr>
        <sz val="8"/>
        <rFont val="Arial"/>
        <family val="2"/>
      </rPr>
      <t xml:space="preserve">                           srs-PosResourceId</t>
    </r>
  </si>
  <si>
    <r>
      <t xml:space="preserve">The following configurations of SRS for positioning are supported
</t>
    </r>
    <r>
      <rPr>
        <sz val="8"/>
        <rFont val="Segoe UI Symbol"/>
        <family val="2"/>
      </rPr>
      <t>○</t>
    </r>
    <r>
      <rPr>
        <sz val="8"/>
        <rFont val="Arial"/>
        <family val="2"/>
      </rPr>
      <t xml:space="preserve"> Semi-persistent configuration
</t>
    </r>
    <r>
      <rPr>
        <sz val="8"/>
        <rFont val="Segoe UI Symbol"/>
        <family val="2"/>
      </rPr>
      <t>○</t>
    </r>
    <r>
      <rPr>
        <sz val="8"/>
        <rFont val="Arial"/>
        <family val="2"/>
      </rPr>
      <t xml:space="preserve"> Periodic configuration
</t>
    </r>
    <r>
      <rPr>
        <sz val="8"/>
        <rFont val="Segoe UI Symbol"/>
        <family val="2"/>
      </rPr>
      <t>○</t>
    </r>
    <r>
      <rPr>
        <sz val="8"/>
        <rFont val="Arial"/>
        <family val="2"/>
      </rPr>
      <t xml:space="preserve"> Aperiodic configuration</t>
    </r>
  </si>
  <si>
    <r>
      <t xml:space="preserve">P0 </t>
    </r>
    <r>
      <rPr>
        <sz val="8"/>
        <rFont val="Arial"/>
        <family val="2"/>
      </rPr>
      <t>p0</t>
    </r>
  </si>
  <si>
    <r>
      <rPr>
        <strike/>
        <sz val="8"/>
        <rFont val="Arial"/>
        <family val="2"/>
      </rPr>
      <t>SRS-ResourceSet</t>
    </r>
    <r>
      <rPr>
        <sz val="8"/>
        <rFont val="Arial"/>
        <family val="2"/>
      </rPr>
      <t xml:space="preserve"> SRS-PosResource</t>
    </r>
  </si>
  <si>
    <r>
      <rPr>
        <strike/>
        <sz val="8"/>
        <rFont val="Arial"/>
        <family val="2"/>
      </rPr>
      <t xml:space="preserve">pathlossReferenceRS </t>
    </r>
    <r>
      <rPr>
        <sz val="8"/>
        <rFont val="Arial"/>
        <family val="2"/>
      </rPr>
      <t>pathlossReferenceRS-Pos</t>
    </r>
  </si>
  <si>
    <r>
      <rPr>
        <strike/>
        <sz val="8"/>
        <rFont val="Arial"/>
        <family val="2"/>
      </rPr>
      <t>pathlossReferenceRS</t>
    </r>
    <r>
      <rPr>
        <sz val="8"/>
        <rFont val="Arial"/>
        <family val="2"/>
      </rPr>
      <t xml:space="preserve"> pathlossReferenceRS-Pos</t>
    </r>
  </si>
  <si>
    <r>
      <rPr>
        <strike/>
        <sz val="8"/>
        <rFont val="Arial"/>
        <family val="2"/>
      </rPr>
      <t>FFS in RAN2 WG</t>
    </r>
    <r>
      <rPr>
        <sz val="8"/>
        <rFont val="Arial"/>
        <family val="2"/>
      </rPr>
      <t xml:space="preserve"> SSB-Configuration</t>
    </r>
  </si>
  <si>
    <r>
      <rPr>
        <strike/>
        <sz val="8"/>
        <rFont val="Arial"/>
        <family val="2"/>
      </rPr>
      <t xml:space="preserve">SSB Index </t>
    </r>
    <r>
      <rPr>
        <sz val="8"/>
        <rFont val="Arial"/>
        <family val="2"/>
      </rPr>
      <t>ssb-IndexNcell</t>
    </r>
  </si>
  <si>
    <r>
      <rPr>
        <strike/>
        <sz val="8"/>
        <rFont val="Arial"/>
        <family val="2"/>
      </rPr>
      <t>SSB Index</t>
    </r>
    <r>
      <rPr>
        <sz val="8"/>
        <rFont val="Arial"/>
        <family val="2"/>
      </rPr>
      <t xml:space="preserve"> ssb-IndexNcell</t>
    </r>
  </si>
  <si>
    <r>
      <rPr>
        <strike/>
        <sz val="8"/>
        <rFont val="Arial"/>
        <family val="2"/>
      </rPr>
      <t xml:space="preserve">FFS in RAN2 WG </t>
    </r>
    <r>
      <rPr>
        <sz val="8"/>
        <rFont val="Arial"/>
        <family val="2"/>
      </rPr>
      <t>SSB-Configuration</t>
    </r>
  </si>
  <si>
    <r>
      <rPr>
        <strike/>
        <sz val="8"/>
        <rFont val="Arial"/>
        <family val="2"/>
      </rPr>
      <t xml:space="preserve">FFS in RAN2 WG </t>
    </r>
    <r>
      <rPr>
        <sz val="8"/>
        <rFont val="Arial"/>
        <family val="2"/>
      </rPr>
      <t>DL-PRS-Info</t>
    </r>
  </si>
  <si>
    <r>
      <rPr>
        <strike/>
        <sz val="8"/>
        <rFont val="Arial"/>
        <family val="2"/>
      </rPr>
      <t xml:space="preserve">ID </t>
    </r>
    <r>
      <rPr>
        <sz val="8"/>
        <rFont val="Arial"/>
        <family val="2"/>
      </rPr>
      <t>trp-Id</t>
    </r>
  </si>
  <si>
    <r>
      <rPr>
        <strike/>
        <sz val="8"/>
        <rFont val="Arial"/>
        <family val="2"/>
      </rPr>
      <t xml:space="preserve">FFS in RAN2 WG </t>
    </r>
    <r>
      <rPr>
        <sz val="8"/>
        <rFont val="Arial"/>
        <family val="2"/>
      </rPr>
      <t>SRS-SpatialRelationInfoPos</t>
    </r>
  </si>
  <si>
    <t xml:space="preserve">SRS-ResourceId, SRS-PosResourceId, </t>
  </si>
  <si>
    <t xml:space="preserve">SRS-ResourceId, SRS-PosResourceId </t>
  </si>
  <si>
    <r>
      <rPr>
        <strike/>
        <sz val="8"/>
        <rFont val="Arial"/>
        <family val="2"/>
      </rPr>
      <t xml:space="preserve">UL BWP ID </t>
    </r>
    <r>
      <rPr>
        <sz val="8"/>
        <rFont val="Arial"/>
        <family val="2"/>
      </rPr>
      <t>uplinkBWP</t>
    </r>
  </si>
  <si>
    <r>
      <rPr>
        <strike/>
        <sz val="8"/>
        <rFont val="Arial"/>
        <family val="2"/>
      </rPr>
      <t xml:space="preserve">Serving cell ID </t>
    </r>
    <r>
      <rPr>
        <sz val="8"/>
        <rFont val="Arial"/>
        <family val="2"/>
      </rPr>
      <t>servingCellId</t>
    </r>
  </si>
  <si>
    <r>
      <t>SFN: {0,1, 1023}
Slot: {1,…, 10</t>
    </r>
    <r>
      <rPr>
        <sz val="8"/>
        <rFont val="游ゴシック"/>
        <family val="1"/>
        <charset val="128"/>
      </rPr>
      <t>〖</t>
    </r>
    <r>
      <rPr>
        <sz val="8"/>
        <rFont val="Arial"/>
        <family val="2"/>
      </rPr>
      <t>·2</t>
    </r>
    <r>
      <rPr>
        <sz val="8"/>
        <rFont val="游ゴシック"/>
        <family val="1"/>
        <charset val="128"/>
      </rPr>
      <t>〗</t>
    </r>
    <r>
      <rPr>
        <sz val="8"/>
        <rFont val="Arial"/>
        <family val="2"/>
      </rPr>
      <t xml:space="preserve">^μ}-1
µ = 0, 1, 2, 3 for SCS 15, 30, 60 and 120kHz respectively
</t>
    </r>
  </si>
  <si>
    <r>
      <t xml:space="preserve">Agreement: 
Modify the previous agreement on the definition of the AoA (ϕ) and ZoA (θ) as follows: 
•	 AoA (ϕ) and ZoA (θ) define the estimated angels of a user with respect to a reference direction which are determined at the TRP antenna for an UL channel corresponding to this UE. 
•	The reference directions can be defined according to either one of the following options (both options are supported in specifications)
o	Option 1: 
</t>
    </r>
    <r>
      <rPr>
        <sz val="8"/>
        <rFont val="Wingdings"/>
        <family val="2"/>
        <charset val="2"/>
      </rPr>
      <t></t>
    </r>
    <r>
      <rPr>
        <sz val="8"/>
        <rFont val="Arial"/>
        <family val="2"/>
      </rPr>
      <t xml:space="preserve">	The reference directions are defined with respect to the Global COordinate SYstem (GCS) as follows: 
</t>
    </r>
    <r>
      <rPr>
        <sz val="8"/>
        <rFont val="Wingdings"/>
        <family val="2"/>
        <charset val="2"/>
      </rPr>
      <t></t>
    </r>
    <r>
      <rPr>
        <sz val="8"/>
        <rFont val="Arial"/>
        <family val="2"/>
      </rPr>
      <t xml:space="preserve">	For AoA, the geographical North, positive in a counter-clockwise direction. 
</t>
    </r>
    <r>
      <rPr>
        <sz val="8"/>
        <rFont val="Wingdings"/>
        <family val="2"/>
        <charset val="2"/>
      </rPr>
      <t></t>
    </r>
    <r>
      <rPr>
        <sz val="8"/>
        <rFont val="Arial"/>
        <family val="2"/>
      </rPr>
      <t xml:space="preserve">	For ZoA, the zenith/vertical 
</t>
    </r>
    <r>
      <rPr>
        <sz val="8"/>
        <rFont val="Wingdings"/>
        <family val="2"/>
        <charset val="2"/>
      </rPr>
      <t></t>
    </r>
    <r>
      <rPr>
        <sz val="8"/>
        <rFont val="Arial"/>
        <family val="2"/>
      </rPr>
      <t xml:space="preserve">	Note: θ = 0 pointing to the zenith and θ = 90 pointing to the horizon.
o	Option 2:
</t>
    </r>
    <r>
      <rPr>
        <sz val="8"/>
        <rFont val="Wingdings"/>
        <family val="2"/>
        <charset val="2"/>
      </rPr>
      <t></t>
    </r>
    <r>
      <rPr>
        <sz val="8"/>
        <rFont val="Arial"/>
        <family val="2"/>
      </rPr>
      <t xml:space="preserve">	The reference directions are defined with respect to the Local Coordinate System (LCS) defined in TR 38.901 as follows: 
</t>
    </r>
    <r>
      <rPr>
        <sz val="8"/>
        <rFont val="Wingdings"/>
        <family val="2"/>
        <charset val="2"/>
      </rPr>
      <t></t>
    </r>
    <r>
      <rPr>
        <sz val="8"/>
        <rFont val="Arial"/>
        <family val="2"/>
      </rPr>
      <t xml:space="preserve">	For AoA, the x-axis, positive in a counter-clockwise direction. 
</t>
    </r>
    <r>
      <rPr>
        <sz val="8"/>
        <rFont val="Wingdings"/>
        <family val="2"/>
        <charset val="2"/>
      </rPr>
      <t></t>
    </r>
    <r>
      <rPr>
        <sz val="8"/>
        <rFont val="Arial"/>
        <family val="2"/>
      </rPr>
      <t xml:space="preserve">	For Zoa, the z-axis
</t>
    </r>
    <r>
      <rPr>
        <sz val="8"/>
        <rFont val="Wingdings"/>
        <family val="2"/>
        <charset val="2"/>
      </rPr>
      <t></t>
    </r>
    <r>
      <rPr>
        <sz val="8"/>
        <rFont val="Arial"/>
        <family val="2"/>
      </rPr>
      <t xml:space="preserve">	Note: θ = 0 pointing to the z-axis and θ = 90 pointing to the x-y plane.
</t>
    </r>
    <r>
      <rPr>
        <sz val="8"/>
        <rFont val="Wingdings"/>
        <family val="2"/>
        <charset val="2"/>
      </rPr>
      <t></t>
    </r>
    <r>
      <rPr>
        <sz val="8"/>
        <rFont val="Arial"/>
        <family val="2"/>
      </rPr>
      <t xml:space="preserve">	The translation of the GCS to LCS uses the set of angles α (bearing angle), β (downtilt angle), γ (slant angle), which are reported together with the AoA (ϕ) and ZoA (θ) in LCS.
Agreement: 
•	The reporting granularity for the gNB angle measurements (AoA, ZoA) is defined as 0.1 degree. 
•	RAN1 assumes that the details of the reporting granularity and ranges for the gNB angle measurements (AoA, ZoA) will be determined by RAN4. 
•	The reporting granularity for the set of angles α (bearing angle), β (downtilt angle), and γ (slant angle) for the translation of the GCS to LCS is defined as 0.1 degree. 
•	RAN1 assumes that the reporting granularity of the range of values and mapping for the DL PRS RSRP and UL SRS RSRP measurements will be determined by RAN4 . 
•	Include above information in an LS to RAN2/RAN3/RAN4</t>
    </r>
  </si>
  <si>
    <r>
      <t>The quality metrics for all UE/</t>
    </r>
    <r>
      <rPr>
        <u/>
        <sz val="8"/>
        <rFont val="Arial"/>
        <family val="2"/>
      </rPr>
      <t>gNB</t>
    </r>
    <r>
      <rPr>
        <sz val="8"/>
        <rFont val="Arial"/>
        <family val="2"/>
      </rPr>
      <t xml:space="preserve"> timing measurements includes value field.
Value: provides the best estimate of the uncertainty of the measurement</t>
    </r>
  </si>
  <si>
    <r>
      <t>The quality metrics for all UE/</t>
    </r>
    <r>
      <rPr>
        <u/>
        <sz val="8"/>
        <rFont val="Arial"/>
        <family val="2"/>
      </rPr>
      <t>gNB</t>
    </r>
    <r>
      <rPr>
        <sz val="8"/>
        <rFont val="Arial"/>
        <family val="2"/>
      </rPr>
      <t xml:space="preserve"> timing measurements includes resolution field.
Resolution: provides the resolution levels used in the Value field
The same set of resolutions for the quality metrics of all UE/</t>
    </r>
    <r>
      <rPr>
        <u/>
        <sz val="8"/>
        <rFont val="Arial"/>
        <family val="2"/>
      </rPr>
      <t>gNB</t>
    </r>
    <r>
      <rPr>
        <sz val="8"/>
        <rFont val="Arial"/>
        <family val="2"/>
      </rPr>
      <t xml:space="preserve"> timing measurements (DL PRS RSTD, UE Rx-Tx time difference, UL RTOA, and gNB Rx-Tx time difference) is supported.
The resolution of {0.1m, 1m, 10m, 30m} and 5 bits value field is used for both DL and </t>
    </r>
    <r>
      <rPr>
        <u/>
        <sz val="8"/>
        <rFont val="Arial"/>
        <family val="2"/>
      </rPr>
      <t>UL</t>
    </r>
    <r>
      <rPr>
        <sz val="8"/>
        <rFont val="Arial"/>
        <family val="2"/>
      </rPr>
      <t xml:space="preserve"> timing based measurements</t>
    </r>
  </si>
  <si>
    <r>
      <rPr>
        <strike/>
        <sz val="10"/>
        <color theme="1"/>
        <rFont val="Times New Roman"/>
        <family val="1"/>
      </rPr>
      <t>ConfiguredGrantConfigList-r16</t>
    </r>
    <r>
      <rPr>
        <sz val="10"/>
        <color theme="1"/>
        <rFont val="Times New Roman"/>
        <family val="1"/>
      </rPr>
      <t xml:space="preserve">  BWP-UplinkDedicated</t>
    </r>
  </si>
  <si>
    <t>configuredGrantConfigType2DeactivationStateList-r16</t>
  </si>
  <si>
    <r>
      <rPr>
        <strike/>
        <sz val="10"/>
        <color theme="1"/>
        <rFont val="Times New Roman"/>
        <family val="1"/>
      </rPr>
      <t>ConfiguredGrantConfigList-r16</t>
    </r>
    <r>
      <rPr>
        <sz val="10"/>
        <color theme="1"/>
        <rFont val="Times New Roman"/>
        <family val="1"/>
      </rPr>
      <t xml:space="preserve"> N/A</t>
    </r>
  </si>
  <si>
    <t>ConfiguredGrantConfigType2DeactivationState-r16</t>
  </si>
  <si>
    <t>RAN2 Parant IE</t>
  </si>
  <si>
    <t>RAN2 ASN.1 name</t>
  </si>
  <si>
    <t xml:space="preserve">DMRS-DownlinkConfig </t>
  </si>
  <si>
    <t>dmrs-Downlink</t>
  </si>
  <si>
    <t xml:space="preserve">DMRS-UplinkConfig </t>
  </si>
  <si>
    <t>dmrs-Uplink</t>
  </si>
  <si>
    <t>transformPrecodingEnabled</t>
  </si>
  <si>
    <t>DMRS-UplinkTransformPrecoding</t>
  </si>
  <si>
    <t>pi2BPSK-ScramblingID0</t>
  </si>
  <si>
    <t>pi2BPSK-ScramblingID1</t>
  </si>
  <si>
    <t>dmrs-UplinkTransformPrecodingPUCCH</t>
  </si>
  <si>
    <t>When this parameter is present in PUCCH-Config  then the Rel.16 low PAPR DMRS is used for  PUCCH Format 3 and 4 with pi/2 BPSK modulation, instead of the Rel.15 DMRS  according to TS 38.211, Clause 6.4.1.3.3.1</t>
  </si>
  <si>
    <t xml:space="preserve">PUSCH-Config </t>
  </si>
  <si>
    <t>ul-FullPowerTransmission</t>
  </si>
  <si>
    <t>{fullpower, fullpowerMode1, fullpoweMode2}</t>
  </si>
  <si>
    <t>CodebookConfig</t>
  </si>
  <si>
    <t>numberOfPMI-SubbandsPerCQI-Subband</t>
  </si>
  <si>
    <t>paramCombination</t>
  </si>
  <si>
    <r>
      <t>*) Only when codebookType = typeII-r16 OR typeII-PortSelection-r16  **) Values '7</t>
    </r>
    <r>
      <rPr>
        <strike/>
        <sz val="8"/>
        <rFont val="Arial"/>
        <family val="2"/>
      </rPr>
      <t>6</t>
    </r>
    <r>
      <rPr>
        <sz val="8"/>
        <rFont val="Arial"/>
        <family val="2"/>
      </rPr>
      <t>' and '8' are only applicable for Rank &lt;= 2 and 32 CSI-RS ports and when codebookType = typeII-r16</t>
    </r>
  </si>
  <si>
    <t>n1-n2-codebookSubsetRestriction</t>
  </si>
  <si>
    <t>typeII-RI-Restriction</t>
  </si>
  <si>
    <r>
      <rPr>
        <strike/>
        <sz val="8"/>
        <rFont val="Arial"/>
        <family val="2"/>
      </rPr>
      <t>existing</t>
    </r>
    <r>
      <rPr>
        <sz val="8"/>
        <rFont val="Arial"/>
        <family val="2"/>
      </rPr>
      <t xml:space="preserve"> new</t>
    </r>
  </si>
  <si>
    <t>typeII-PortSelection</t>
  </si>
  <si>
    <t>typeII-PortSelectionRI-Restriction</t>
  </si>
  <si>
    <t>portSelectionSamplingSize</t>
  </si>
  <si>
    <t>pending list discussion</t>
  </si>
  <si>
    <t>coresetPoolIndex</t>
  </si>
  <si>
    <r>
      <rPr>
        <strike/>
        <sz val="8"/>
        <rFont val="Arial"/>
        <family val="2"/>
      </rPr>
      <t xml:space="preserve">[Agreement] The index to be used to generate separated ACK/NACK codebook is a higher layer signalling index per CORESET
Agreement The candidate values of higher layer parameter HigherLayerIndexPerCORESET are [0:1:M],  M=1
</t>
    </r>
    <r>
      <rPr>
        <sz val="8"/>
        <rFont val="Arial"/>
        <family val="2"/>
      </rPr>
      <t>If a UE is configured by higher layer parameter PDCCH-Config that contains two different values of CORESETPoolIndex in ControlResourceSet for the active BWP of a serving cell, the UE may expect to receive mPDCCHs scheduling fully/partially/non-overlapped PDSCHs in time and frequency domain</t>
    </r>
  </si>
  <si>
    <t>dataScramblingIdentityPDSCH2</t>
  </si>
  <si>
    <r>
      <t>Additional scrambling ID for PDSCHs scheduled by Multiple PDCCH</t>
    </r>
    <r>
      <rPr>
        <strike/>
        <sz val="8"/>
        <rFont val="Arial"/>
        <family val="2"/>
      </rPr>
      <t>-DCI
[Agreement] At least for eMBB with M-DCI NCJT in order to generate different PDSCH scrambling sequences, support enhancing RRC configuration to configure multiple dataScramblingIdentityPDSCH
[Agreement] In case higher layer index per CORESET is configured, for multi-PDCCH based multi-TRP operation, when multiple dataScramblingIdentityPDSCH parameters are configured, each dataScramblingIdentityPDSCH is associated with a higher layer signalling index per CORESET (if configured) and is applied to the PDSCH scheduled with a DCI detected on a CORESET with the same higher layer index.</t>
    </r>
  </si>
  <si>
    <r>
      <rPr>
        <strike/>
        <sz val="8"/>
        <rFont val="Arial"/>
        <family val="2"/>
      </rPr>
      <t xml:space="preserve">FFS: Whether and how to specify UE behaviour in case the higher layer index per CORESET is not configured.
</t>
    </r>
    <r>
      <rPr>
        <sz val="8"/>
        <rFont val="Arial"/>
        <family val="2"/>
      </rPr>
      <t>Optional</t>
    </r>
  </si>
  <si>
    <t>N/A. CORESETID=1 there is lte-CRS-PatternList2</t>
  </si>
  <si>
    <r>
      <rPr>
        <strike/>
        <sz val="8"/>
        <rFont val="Arial"/>
        <family val="2"/>
      </rPr>
      <t>Agreement For multi-DCI based multi-TRP/panel transmission, the UE shall rate match around: Configured CRS patterns which optionally associated with a higher layer signaling index per CORESET (if configured) and are applied to the PDSCH scheduled with a DCI detected on a CORESET with the same higher layer index.</t>
    </r>
    <r>
      <rPr>
        <sz val="8"/>
        <rFont val="Arial"/>
        <family val="2"/>
      </rPr>
      <t xml:space="preserve">
For mPDCCH based mPDSCH transmission, the UE shall rate match around configured CRS patterns which are associated with CORESETPoolIndex  and are applied to the PDSCH scheduled with a DCI detected on a CORESET with the same value of  CORESETPoolIndex.</t>
    </r>
  </si>
  <si>
    <r>
      <rPr>
        <strike/>
        <sz val="8"/>
        <rFont val="Arial"/>
        <family val="2"/>
      </rPr>
      <t>FFS</t>
    </r>
    <r>
      <rPr>
        <sz val="8"/>
        <rFont val="Arial"/>
        <family val="2"/>
      </rPr>
      <t xml:space="preserve">
Up to RAN2</t>
    </r>
  </si>
  <si>
    <r>
      <t xml:space="preserve">If UE does not support this feature, </t>
    </r>
    <r>
      <rPr>
        <strike/>
        <sz val="8"/>
        <rFont val="Arial"/>
        <family val="2"/>
      </rPr>
      <t>the default UE behaviour is the following:	For multi-DCI based multi-TRP/panel transmission,</t>
    </r>
    <r>
      <rPr>
        <sz val="8"/>
        <rFont val="Arial"/>
        <family val="2"/>
      </rPr>
      <t xml:space="preserve"> the UE shall rate match PDSCH around configured CRS patterns from multiple TRPs
This parameter/list is optional</t>
    </r>
  </si>
  <si>
    <t>bdFactorR</t>
  </si>
  <si>
    <r>
      <rPr>
        <strike/>
        <sz val="8"/>
        <rFont val="Arial"/>
        <family val="2"/>
      </rPr>
      <t xml:space="preserve">Agreement: If a UE can support and report R&gt;1 for M-DCI based M-TRP/panel transmission, the value of r for a downlink cell configured with M-DCI based M-TRP is determined as
•	If UE reports pdcch-BlindDetectionCA, the value of r to be applied is optionally configured by RRC, either r=1 or reported value r=R 
Note that when network configures r=1, it does not imply that UE has to support more CCs beyond the UE reported capability
</t>
    </r>
    <r>
      <rPr>
        <sz val="8"/>
        <rFont val="Arial"/>
        <family val="2"/>
      </rPr>
      <t>Parameter for determining and distributing the maximum numbers of BD/CCE for mPDCCH based mPDSCH transmission</t>
    </r>
  </si>
  <si>
    <r>
      <rPr>
        <strike/>
        <sz val="8"/>
        <rFont val="Arial"/>
        <family val="2"/>
      </rPr>
      <t>Per DL BWP</t>
    </r>
    <r>
      <rPr>
        <sz val="8"/>
        <rFont val="Arial"/>
        <family val="2"/>
      </rPr>
      <t xml:space="preserve">
Per DL serving cell</t>
    </r>
  </si>
  <si>
    <r>
      <rPr>
        <strike/>
        <sz val="8"/>
        <rFont val="Arial"/>
        <family val="2"/>
      </rPr>
      <t xml:space="preserve">If UE does not report pdcch-BlindDetectionCA or the value of r is not configured by RRC, r=R.
</t>
    </r>
    <r>
      <rPr>
        <sz val="8"/>
        <rFont val="Arial"/>
        <family val="2"/>
      </rPr>
      <t>Optional</t>
    </r>
  </si>
  <si>
    <t>ackNackFeedbackMode</t>
  </si>
  <si>
    <r>
      <rPr>
        <strike/>
        <sz val="8"/>
        <rFont val="Arial"/>
        <family val="2"/>
      </rPr>
      <t>[Agreement] In order to switch between joint and separated ACK/NACK feedback within a slot,  RRC signaling is used to switch between joint feedback and separate feedback</t>
    </r>
    <r>
      <rPr>
        <sz val="8"/>
        <rFont val="Arial"/>
        <family val="2"/>
      </rPr>
      <t xml:space="preserve">
Switch between joint and separated ACK/NACK feedback within a slot</t>
    </r>
  </si>
  <si>
    <t xml:space="preserve">PTRS-DownlinkConfig </t>
  </si>
  <si>
    <r>
      <rPr>
        <strike/>
        <sz val="8"/>
        <rFont val="Arial"/>
        <family val="2"/>
      </rPr>
      <t xml:space="preserve">Agreement: Support two PTRS ports for single-PDCCH based multi-TRP/Panel transmission at least for eMBB and URLLC scheme 1a if two TCI states are indicated by one TCI code point, whereas the first/second PTRS port is associated with the lowest indexed DMRS port within the DMRS ports corresponding to the first/second indicated TCI state, respectively:
•RRC signalling is used to configure the two PTRS ports
•Note that whether supporting two PTRS ports is subject to UE capability
</t>
    </r>
    <r>
      <rPr>
        <sz val="8"/>
        <rFont val="Arial"/>
        <family val="2"/>
      </rPr>
      <t xml:space="preserve">The maximum number of DL PTRS ports </t>
    </r>
  </si>
  <si>
    <t>SlotBased</t>
  </si>
  <si>
    <t>tciMapping</t>
  </si>
  <si>
    <r>
      <rPr>
        <strike/>
        <sz val="8"/>
        <rFont val="Arial"/>
        <family val="2"/>
      </rPr>
      <t xml:space="preserve">Agreement: For single-DCI based M-TRP URLLC scheme 4, for TCI state mapping to PDSCH transmission occasions, both options 1 and 2 are supported and switched by RRC signalling
•	Option 1: support Cyclical mapping, e.g. TCI states #1#2#1#2 are mapped to 4 transmission occasions if 2 TCI stats are indicated
•	Option 2: support Sequential mapping, e.g. TCI states #1#1#2#2 are mapped to 4 transmission occasions if 2 TCI stats are indicated
For more than 4 transmission occasions, above is repeated (for example, 8 transmission occasion in case of option 2: #1#1#2#2#1#1#2#2)
</t>
    </r>
    <r>
      <rPr>
        <sz val="8"/>
        <rFont val="Arial"/>
        <family val="2"/>
      </rPr>
      <t>For slot-based repetition scheme, enable a TCI state mapping method to PDSCH transmission occasions</t>
    </r>
  </si>
  <si>
    <t>PDSCH-TimeDomainResourceAllocationList</t>
  </si>
  <si>
    <t>repetitionNumber</t>
  </si>
  <si>
    <r>
      <rPr>
        <strike/>
        <sz val="8"/>
        <rFont val="Arial"/>
        <family val="2"/>
      </rPr>
      <t>URLLCRepNum</t>
    </r>
    <r>
      <rPr>
        <sz val="8"/>
        <rFont val="Arial"/>
        <family val="2"/>
      </rPr>
      <t xml:space="preserve">
RepNumR16</t>
    </r>
  </si>
  <si>
    <r>
      <rPr>
        <strike/>
        <sz val="8"/>
        <rFont val="Arial"/>
        <family val="2"/>
      </rPr>
      <t xml:space="preserve">Agreement: For single-DCI based M-TRP URLLC schemes, the number of transmission occasions is indicated by following:
•For scheme 3, the number of transmission occasions is implicitly determined by the number of TCI states indicated by a code point whereas one TCI state means one transmission occasion and two states means two transmission occasions. 
•For scheme 4, TDRA indication is enhanced to additionally indicate the number of PDSCH transmission occasions by using PDSCH-TimeDomainResourceAllocation field. 
</t>
    </r>
    <r>
      <rPr>
        <sz val="8"/>
        <rFont val="Arial"/>
        <family val="2"/>
      </rPr>
      <t xml:space="preserve">For slot-based repetition scheme, indicate the number of PDSCH transmission occasions </t>
    </r>
  </si>
  <si>
    <r>
      <rPr>
        <strike/>
        <sz val="8"/>
        <rFont val="Arial"/>
        <family val="2"/>
      </rPr>
      <t>FFS</t>
    </r>
    <r>
      <rPr>
        <sz val="8"/>
        <rFont val="Arial"/>
        <family val="2"/>
      </rPr>
      <t xml:space="preserve">
{2,3,4,5,6,7,8,16}</t>
    </r>
  </si>
  <si>
    <t>FDM-TDM</t>
  </si>
  <si>
    <t>startingSymbolOffsetK</t>
  </si>
  <si>
    <r>
      <rPr>
        <strike/>
        <sz val="8"/>
        <rFont val="Arial"/>
        <family val="2"/>
      </rPr>
      <t xml:space="preserve">Agreement: For single-DCI based M-TRP URLLC scheme 3, the starting symbol of the second transmission occasion has K symbol offset relative to the last symbol of the first transmission occasion, whereas the value of K can be optionally configured by RRC. If not configured, K=0. 
•The starting symbol and length of the first transmission occasion is indicated by SLIV. 
•The length of the second transmission occasion is the same with the first transmission occasion.
•Exact candidate value of K can be decided in RAN1#99
</t>
    </r>
    <r>
      <rPr>
        <sz val="8"/>
        <rFont val="Arial"/>
        <family val="2"/>
      </rPr>
      <t>For  TDMSchemeA, the starting symbol of the second transmission occasion has K symbol offset relative to the last symbol of the first transmission occasion</t>
    </r>
  </si>
  <si>
    <r>
      <rPr>
        <strike/>
        <sz val="8"/>
        <rFont val="Arial"/>
        <family val="2"/>
      </rPr>
      <t>FFS</t>
    </r>
    <r>
      <rPr>
        <sz val="8"/>
        <rFont val="Arial"/>
        <family val="2"/>
      </rPr>
      <t xml:space="preserve">
{0,1,2,3,4,5,6,7}</t>
    </r>
  </si>
  <si>
    <r>
      <rPr>
        <strike/>
        <sz val="8"/>
        <rFont val="Arial"/>
        <family val="2"/>
      </rPr>
      <t>FFS: Any restrictions on the possible value pairs for K and SLIV</t>
    </r>
    <r>
      <rPr>
        <sz val="8"/>
        <rFont val="Arial"/>
        <family val="2"/>
      </rPr>
      <t xml:space="preserve">
Optional ,  If not configured, K=0.</t>
    </r>
  </si>
  <si>
    <t>repetitionScheme</t>
  </si>
  <si>
    <r>
      <rPr>
        <strike/>
        <sz val="8"/>
        <rFont val="Arial"/>
        <family val="2"/>
      </rPr>
      <t>URLLSchemeEnabler</t>
    </r>
    <r>
      <rPr>
        <sz val="8"/>
        <rFont val="Arial"/>
        <family val="2"/>
      </rPr>
      <t xml:space="preserve">
RepSchemeEnabler</t>
    </r>
  </si>
  <si>
    <r>
      <rPr>
        <strike/>
        <sz val="8"/>
        <rFont val="Arial"/>
        <family val="2"/>
      </rPr>
      <t xml:space="preserve">Agreement: For single-DCI based M-TRP URLLC scheme differentiation among schemes 2a/2b/3, from the UE perspective: a new RRC parameter is introduced to enable [one scheme/multiple schemes] among 2a/2b/3. 
•	Note: dynamic switching between schemes (including fallback) is a separate discussion
</t>
    </r>
    <r>
      <rPr>
        <sz val="8"/>
        <rFont val="Arial"/>
        <family val="2"/>
      </rPr>
      <t>Enable one scheme among {FDMSchemeA, FDMSchemeB, TDMSchemeA}</t>
    </r>
  </si>
  <si>
    <r>
      <rPr>
        <strike/>
        <sz val="8"/>
        <rFont val="Arial"/>
        <family val="2"/>
      </rPr>
      <t>FFS</t>
    </r>
    <r>
      <rPr>
        <sz val="8"/>
        <rFont val="Arial"/>
        <family val="2"/>
      </rPr>
      <t xml:space="preserve">
{FDMSchemeA, FDMSchemeB,TDMSchemeA }</t>
    </r>
  </si>
  <si>
    <r>
      <rPr>
        <strike/>
        <sz val="8"/>
        <rFont val="Arial"/>
        <family val="2"/>
      </rPr>
      <t xml:space="preserve">FFS on details
</t>
    </r>
    <r>
      <rPr>
        <sz val="8"/>
        <rFont val="Arial"/>
        <family val="2"/>
      </rPr>
      <t>Optional</t>
    </r>
  </si>
  <si>
    <t>sequenceOffsetforRV</t>
  </si>
  <si>
    <r>
      <rPr>
        <strike/>
        <sz val="8"/>
        <rFont val="Arial"/>
        <family val="2"/>
      </rPr>
      <t>Agreement: For single-DCI based M-TRP URLLC scheme 4, selected RV sequence is applied to transmission occasions associated to the first TRP (i.e. the first TCI state). The RV sequence associated to the second TRP (i.e. the second TCI state) is determined by a RV offset from that selected RV sequence whereas the offset is RRC configured.</t>
    </r>
    <r>
      <rPr>
        <sz val="8"/>
        <rFont val="Arial"/>
        <family val="2"/>
      </rPr>
      <t xml:space="preserve">
For slot-based repetition scheme, selected RV sequence is applied to transmission occasions associated to the first TRP (i.e. the first TCI state). The RV sequence associated to the second TRP (i.e. the second TCI state) is determined by a RV offset from that selected RV sequence.</t>
    </r>
  </si>
  <si>
    <t>Multiplicity and type constraint definitions</t>
  </si>
  <si>
    <t xml:space="preserve">PUCCH-Config </t>
  </si>
  <si>
    <t>resourceGroupToAddModList, resourceGroupToReleaseList</t>
  </si>
  <si>
    <t>CellGroupConfig</t>
  </si>
  <si>
    <t>simultaneousTCI-UpdateList1</t>
  </si>
  <si>
    <t>N/A. Instead there is simultaneousTCI-UpdateList2</t>
  </si>
  <si>
    <t>simultaneousSpatial-UpdatedList1</t>
  </si>
  <si>
    <t>N/A. Instead there is simultaneousSpatial-UpdatedList2</t>
  </si>
  <si>
    <t xml:space="preserve">SRS-Config </t>
  </si>
  <si>
    <t>pathlossReferenceRSToAddModList</t>
  </si>
  <si>
    <r>
      <rPr>
        <strike/>
        <sz val="8"/>
        <rFont val="Arial"/>
        <family val="2"/>
      </rPr>
      <t xml:space="preserve">[TBD, e.g., 8, 16, </t>
    </r>
    <r>
      <rPr>
        <sz val="8"/>
        <rFont val="Arial"/>
        <family val="2"/>
      </rPr>
      <t>64</t>
    </r>
    <r>
      <rPr>
        <strike/>
        <sz val="8"/>
        <rFont val="Arial"/>
        <family val="2"/>
      </rPr>
      <t>]</t>
    </r>
  </si>
  <si>
    <t>maxNrofPUCCH-PathlossReferenceRSs-r16</t>
  </si>
  <si>
    <t xml:space="preserve">maxNrofPUSCH-PathlossReferenceRSs-r16   </t>
  </si>
  <si>
    <t>UplinkConfig</t>
  </si>
  <si>
    <t>enablePLRS-UpdateForPUSCH-SRS</t>
  </si>
  <si>
    <t>enableDefaultBeamPL-ForPUSCH0</t>
  </si>
  <si>
    <t>enableDefaultBeamPL-ForPUCCH</t>
  </si>
  <si>
    <t>enableDefaultBeamPL-ForSRS</t>
  </si>
  <si>
    <t xml:space="preserve">CSI-ReportConfig </t>
  </si>
  <si>
    <t>N/A reuse groupBasedBeamReporting</t>
  </si>
  <si>
    <t>BeamFailureRecoverySCellConfig</t>
  </si>
  <si>
    <t>rsrp-ThresholdBFR</t>
  </si>
  <si>
    <t xml:space="preserve"> reuse RadioLinkMonitoringConfig</t>
  </si>
  <si>
    <t xml:space="preserve">MAC-CellGroupConfig </t>
  </si>
  <si>
    <t>schedulingRequestID-BFR-SCell</t>
  </si>
  <si>
    <t>CandidateBeamRS</t>
  </si>
  <si>
    <t>candidateBeamConfig</t>
  </si>
  <si>
    <t>crs-RateMatch-PerCORESETPoolIndex</t>
  </si>
  <si>
    <t>txDirectCurrentLocation-SL</t>
    <phoneticPr fontId="10"/>
  </si>
  <si>
    <t>new</t>
    <phoneticPr fontId="10"/>
  </si>
  <si>
    <t>txrxDirectCurrentLocation-SL</t>
    <phoneticPr fontId="10"/>
  </si>
  <si>
    <t>The sidelink Tx/Rx Direct Current location for the carrier. Only values in the value range of this field between 0 and 3299, which indicate the subcarrier index within the carrier corresponding to the numerology of the corresponding sidelink BWP and value 3300, which indicates "Outside the carrier" and value 3301, which indicates "Undetermined position within the carrier" are used in this version of the specification.</t>
    <phoneticPr fontId="10"/>
  </si>
  <si>
    <t>0, 1,.., 3301</t>
    <phoneticPr fontId="10"/>
  </si>
  <si>
    <t>Per BWP</t>
    <phoneticPr fontId="10"/>
  </si>
  <si>
    <t>UE specific, Cell specific</t>
    <phoneticPr fontId="13" type="noConversion"/>
  </si>
  <si>
    <t>It is noted that this issue is handled during the TP phase.</t>
    <phoneticPr fontId="10"/>
  </si>
  <si>
    <t>sl-xPercentage</t>
    <phoneticPr fontId="10"/>
  </si>
  <si>
    <t xml:space="preserve">Indicates the portion of candidate single-slot PSSCH resources over the toal resources. </t>
    <phoneticPr fontId="10"/>
  </si>
  <si>
    <t>Per resource pool per L1 priority</t>
    <phoneticPr fontId="10"/>
  </si>
  <si>
    <t xml:space="preserve">Agreements made in RAN1#101-e:
X% is is (pre-)configured per pool per L1 priority from a set of {20, 35, 50} %, 
 RSRP threshold adaptation triggering issue is not further discussed in Rel-16
</t>
    <phoneticPr fontId="10"/>
  </si>
  <si>
    <t>Indicate the ID of sidelink synchronization signal assoicated with different synchronization priorities.</t>
    <phoneticPr fontId="10"/>
  </si>
  <si>
    <t>alpha value for DL pathloss based power control for PSFCH. When the field is absent the UE applies the value 1</t>
    <phoneticPr fontId="13" type="noConversion"/>
  </si>
  <si>
    <r>
      <t xml:space="preserve">Agreements made in RAN1#98:
• 160ms is supported as the S-SSB periodicity for all SCS.
• The number of S-SSB transmissions within one S-SSB period is (pre)configurable
o For 15kHz SCS, {1, [2]}
o For 30kHz SCS, {1, 2}
o For 60kHz SCS, {???}
o For 120kHz SCS, {???}
o FFS details for the multiple S-SSB transmissions within one S-SSB period (the set of slots, repetition?, etc.)
Update on Friday:
Agreements made in RAN1#98:
• The following values with </t>
    </r>
    <r>
      <rPr>
        <u/>
        <sz val="8"/>
        <rFont val="Arial"/>
        <family val="2"/>
      </rPr>
      <t>change marks</t>
    </r>
    <r>
      <rPr>
        <sz val="8"/>
        <rFont val="Arial"/>
        <family val="2"/>
      </rPr>
      <t xml:space="preserve"> are further agreed:
o Note: the values in bracket are subject to further discussion regarding potential removal all-together
* For FR1:
- For 15kHz SCS, {1, [2]}
- For 30kHz SCS, {1, 2, </t>
    </r>
    <r>
      <rPr>
        <u/>
        <sz val="8"/>
        <rFont val="Arial"/>
        <family val="2"/>
      </rPr>
      <t>[4]</t>
    </r>
    <r>
      <rPr>
        <sz val="8"/>
        <rFont val="Arial"/>
        <family val="2"/>
      </rPr>
      <t>}
- For 60kHz SCS, {</t>
    </r>
    <r>
      <rPr>
        <u/>
        <sz val="8"/>
        <rFont val="Arial"/>
        <family val="2"/>
      </rPr>
      <t>1, 2, 4, [8]</t>
    </r>
    <r>
      <rPr>
        <sz val="8"/>
        <rFont val="Arial"/>
        <family val="2"/>
      </rPr>
      <t>}
* For FR2:
- For 60kHz SCS, {</t>
    </r>
    <r>
      <rPr>
        <u/>
        <sz val="8"/>
        <rFont val="Arial"/>
        <family val="2"/>
      </rPr>
      <t>1, 2, 4, 8, 16, 32</t>
    </r>
    <r>
      <rPr>
        <sz val="8"/>
        <rFont val="Arial"/>
        <family val="2"/>
      </rPr>
      <t>}
- For 120kHz SCS, {</t>
    </r>
    <r>
      <rPr>
        <u/>
        <sz val="8"/>
        <rFont val="Arial"/>
        <family val="2"/>
      </rPr>
      <t>1, 2, 4, 8, 16, 32, 64</t>
    </r>
    <r>
      <rPr>
        <sz val="8"/>
        <rFont val="Arial"/>
        <family val="2"/>
      </rPr>
      <t>}
Agreements made in RAN1#98bis:
• Do not support 2/4/8 as the number of S-SSB transmissions within one S-SSB period for 15/30/60 KHz SCS for FR1, respectively.</t>
    </r>
  </si>
  <si>
    <r>
      <t>10, 12, 15, 20, 25, 50, 75, 100</t>
    </r>
    <r>
      <rPr>
        <strike/>
        <sz val="8"/>
        <rFont val="Arial"/>
        <family val="2"/>
      </rPr>
      <t>, TBD for other values</t>
    </r>
    <phoneticPr fontId="10"/>
  </si>
  <si>
    <t>Indicates the lowest RB index of the subchannel with the lowest index in the resource pool with respect to the lowest RB index of a SL BWP.</t>
  </si>
  <si>
    <t>additional-mcs-Table-SL</t>
  </si>
  <si>
    <r>
      <t xml:space="preserve">Indicates MCS table(s) additionally used in a resource pool. </t>
    </r>
    <r>
      <rPr>
        <strike/>
        <sz val="8"/>
        <rFont val="Arial"/>
        <family val="2"/>
      </rPr>
      <t>FFS in RAN1 on whether multiple MCS tables can be configured in a resource pool.</t>
    </r>
    <r>
      <rPr>
        <sz val="8"/>
        <rFont val="Arial"/>
        <family val="2"/>
      </rPr>
      <t xml:space="preserve"> 64QAM table is (pre-)configured as default. 
Zero, one or two additional can be additionally (pre-)configured using the 256QAM and/or low-SE MCS tables
</t>
    </r>
  </si>
  <si>
    <t>Agreements made in RAN1#98bis:
• Three MCS tables supported in Rel-15 NR Uu CP-OFDM are also used for SL. 
o Support of the the low-spectral efficiency 64QAM MCS table is an optional UE feature in SL as in the Uu link
• For each resource pool, at least one MCS table is (pre)-configured
o FFS whether or not to introduce a case where the MCS table can be overwritten by PC5 RRC or indicated in SCI
Agreements made in RAN1#100bis-e:
o The MCS table is indicated by 1st SCI, the number of MCS tables is (pre-) configured per resource pool.           
o 64QAM table is (pre-)configured as default. 
o Zero, one or two additional can be additionally (pre-)configured. Tables
 Using the 256QAM and/or low-SE MCS tables
o The number of bits in the 1st SCI for the indication is determined based on the number of MCS tables (pre)-configured for the resource pool
 0, 1, or 2 bits
o Over-writing the (pre-)configured MCS table(s) by PC5-RRC is NOT supported
o A UE is not required to decode the 2nd SCI or the PSSCH associated with a 1st SCI if the 1st SCI indicates an MCS table that the UE does not support</t>
  </si>
  <si>
    <r>
      <t xml:space="preserve">Agreements made in RAN1#98bis:
• Each resource pool is only configured with one 1st stage SCI PSCCH format
Agreements made in RAN1#98bis:
• PSCCH for 1st stage SCI with 2 and 3 symbols is supported in Rel-16. 
o FFS: other length(s) of symbols (e.g., all symbols)
o The number of symbols above excludes AGC symbols if any
• The number of PSCCH symbols is explicitly (pre-)configured per Tx/Rx resource pool
Agreements made in RAN1#98bis:
• Size of PSCCH: X
o X </t>
    </r>
    <r>
      <rPr>
        <sz val="8"/>
        <rFont val="돋움"/>
        <family val="3"/>
        <charset val="129"/>
      </rPr>
      <t>≤</t>
    </r>
    <r>
      <rPr>
        <sz val="8"/>
        <rFont val="Arial"/>
        <family val="2"/>
      </rPr>
      <t>N, where N is the number of PRBs of the subchannel
o X is (pre)-configurable with values FFS, X
Working assumption made in RAN1#99:
o Candidate numbers of PRBs for 2-symbol and 3-symbol PSCCH are 
 {10, 12 15, 20, 25}</t>
    </r>
  </si>
  <si>
    <t>Indicates the period of sidelink configured grant in the unit of ms</t>
  </si>
  <si>
    <r>
      <rPr>
        <strike/>
        <sz val="8"/>
        <rFont val="Arial"/>
        <family val="2"/>
      </rPr>
      <t xml:space="preserve">TBD </t>
    </r>
    <r>
      <rPr>
        <sz val="8"/>
        <rFont val="Arial"/>
        <family val="2"/>
      </rPr>
      <t>0, 1..99, 100, 200, 300, 400, 500, 600, 700, 800, 900, 1000</t>
    </r>
  </si>
  <si>
    <r>
      <t>Agreements made in RAN1#96bis:
• A configured grant (type-1, type-2) provides a set of resources in a periodic manner for multiple sidelink transmissions.
Working assumption made in RAN1#98bis:
• Each transmission in a resource provided by a configured grant contains PSCCH and PSSCH.
Agreements made in RAN1#98bis:
• Multiple type-1 configured grants per UE are supported when LTE Uu controls NR SL
o Up to the same max number of type-1 configured grants per UE when NR Uu controls NR SL
Agreements made in RAN1#99:
• At least the following parameters are part of a SL configured grant configuration:
o Configuration index of the CG 
o Time offset (for type-1 only)
o Time-frequency allocation (for type-1 only)
 Using the same format as in DCI.
o Periodicity
o The configured grant is associated with a single transmit resource pool.
o RAN2 can add other parameters if deemed necessary by RAN2
• A UE in mode 1 is configured at least with one transmit resource pool 
• For type-2 CG, the time-frequency allocation and the configuration index of the CG are indicated in DCI.
o All parameters for CG type 2 for activation DCI re-use the same respective parameters configured for CG type 1, when applicable
Agreements made in RAN1#100e:
Time resource assignment in SCI uses an extended time domain RIV mechanism as follows:
    if N=1
       TRIV=0 
    elseif N=2
       TRIV=T_1   
    else
        if (T_2-T_1-1)</t>
    </r>
    <r>
      <rPr>
        <sz val="8"/>
        <rFont val="돋움"/>
        <family val="3"/>
        <charset val="129"/>
      </rPr>
      <t>≤</t>
    </r>
    <r>
      <rPr>
        <sz val="8"/>
        <rFont val="Arial"/>
        <family val="2"/>
      </rPr>
      <t>15
            TRIV=30(T_2-T_1-1)+T_1+31 
        else
             TRIV=30(31-T_2+T_1 )+62-T_1
        end if
     end if
where
 N denotes the actual number of resources indicated
 T_i denotes i-th resource time offset 
      for N=2, 1</t>
    </r>
    <r>
      <rPr>
        <sz val="8"/>
        <rFont val="돋움"/>
        <family val="3"/>
        <charset val="129"/>
      </rPr>
      <t>≤</t>
    </r>
    <r>
      <rPr>
        <sz val="8"/>
        <rFont val="Arial"/>
        <family val="2"/>
      </rPr>
      <t>T_1</t>
    </r>
    <r>
      <rPr>
        <sz val="8"/>
        <rFont val="돋움"/>
        <family val="3"/>
        <charset val="129"/>
      </rPr>
      <t>≤</t>
    </r>
    <r>
      <rPr>
        <sz val="8"/>
        <rFont val="Arial"/>
        <family val="2"/>
      </rPr>
      <t>31 
      for N=3, 1</t>
    </r>
    <r>
      <rPr>
        <sz val="8"/>
        <rFont val="돋움"/>
        <family val="3"/>
        <charset val="129"/>
      </rPr>
      <t>≤</t>
    </r>
    <r>
      <rPr>
        <sz val="8"/>
        <rFont val="Arial"/>
        <family val="2"/>
      </rPr>
      <t>T_1</t>
    </r>
    <r>
      <rPr>
        <sz val="8"/>
        <rFont val="돋움"/>
        <family val="3"/>
        <charset val="129"/>
      </rPr>
      <t>≤</t>
    </r>
    <r>
      <rPr>
        <sz val="8"/>
        <rFont val="Arial"/>
        <family val="2"/>
      </rPr>
      <t>30, T_1&lt;T_2</t>
    </r>
    <r>
      <rPr>
        <sz val="8"/>
        <rFont val="돋움"/>
        <family val="3"/>
        <charset val="129"/>
      </rPr>
      <t>≤</t>
    </r>
    <r>
      <rPr>
        <sz val="8"/>
        <rFont val="Arial"/>
        <family val="2"/>
      </rPr>
      <t>31
 For frequency resource indication, the following resource index calculation is used
    For Nmax = 2, 
         r=f_2+</t>
    </r>
    <r>
      <rPr>
        <sz val="8"/>
        <rFont val="돋움"/>
        <family val="3"/>
        <charset val="129"/>
      </rPr>
      <t>∑</t>
    </r>
    <r>
      <rPr>
        <sz val="8"/>
        <rFont val="Arial"/>
        <family val="2"/>
      </rPr>
      <t>_(i=1)^(m-1) (N_(subchannel)^(SL)+1-i) 
    For Nmax = 3, 
          r=f_2+f_3⋅(N_(subchannel)^(SL)+1-m)+</t>
    </r>
    <r>
      <rPr>
        <sz val="8"/>
        <rFont val="돋움"/>
        <family val="3"/>
        <charset val="129"/>
      </rPr>
      <t>∑</t>
    </r>
    <r>
      <rPr>
        <sz val="8"/>
        <rFont val="Arial"/>
        <family val="2"/>
      </rPr>
      <t>_(i=1)^(m-1) (N_(subchannel) ^(SL)+1-i)^2 
 where 
     f_2 denotes lowest sub-channel index for the second resource, if any
     f_3 denotes lowest sub-channel index for the third resource, if any
     m denotes number of sub-channels in a frequency resource allocation
 If time domain allocation indicates N &lt; Nmax, the decoded lowest sub-channel indexes corresponding to Nmax minus N last resources are not used
Agreements made in RAN1#100bis-e:
• The slots for sidelink transmission for CG type-1 are determined using the UL formula in 38.321 with the following changes: 
o Using slot-level granularity instead of symbol-level granularity (i.e., remove numberOfSymbolsPerSlot, “symbol number in the slot”, S in the formula)
o periodicity is in number of slots
o timeDomainOffset is expressed in number of slots
o FFS: frame indexing (e.g., SFN, or virtual frame number)
o FFS: whether logical or physical slots are used
Agreements made in RAN1#100bis-e:
• For CG, the periodicities supported are the same as for periodic resource reservation in Mode-2 (i.e., the list given by SL-ResourceReservePeriod-r16)</t>
    </r>
  </si>
  <si>
    <t xml:space="preserve">Agreements made in RAN1#99:
• At least the following parameters are part of a SL configured grant configuration:
o Configuration index of the CG 
o Time offset (for type-1 only)
o Time-frequency allocation (for type-1 only)
 Using the same format as in DCI.
o Periodicity
o The configured grant is associated with a single transmit resource pool.
o RAN2 can add other parameters if deemed necessary by RAN2
• A UE in mode 1 is configured at least with one transmit resource pool 
• For type-2 CG, the time-frequency allocation and the configuration index of the CG are indicated in DCI.
o All parameters for CG type 2 for activation DCI re-use the same respective parameters configured for CG type 1, when applicable
Agreements made in RAN1#100bis-e:
• The slots for sidelink transmission for CG type-1 are determined using the UL formula in 38.321 with the following changes: 
o Using slot-level granularity instead of symbol-level granularity (i.e., remove numberOfSymbolsPerSlot, “symbol number in the slot”, S in the formula)
o periodicity is in number of slots
o timeDomainOffset is expressed in number of slots
o FFS: frame indexing (e.g., SFN, or virtual frame number)
o FFS: whether logical or physical slots are used
</t>
  </si>
  <si>
    <r>
      <rPr>
        <strike/>
        <sz val="8"/>
        <rFont val="Arial"/>
        <family val="2"/>
      </rPr>
      <t>sl-ACKToUL-ACK</t>
    </r>
    <r>
      <rPr>
        <sz val="8"/>
        <rFont val="Arial"/>
        <family val="2"/>
      </rPr>
      <t xml:space="preserve"> sl-FeedbackToUL-ACK-CG</t>
    </r>
  </si>
  <si>
    <t xml:space="preserve">For configured grant type 1, indicate slot offset between the PSFCH associated with the last PSSCH resource of each period and the PUCCH occasion used for reporting SL HARQ. </t>
  </si>
  <si>
    <t>The RNTI is to scramble CRC of NR DCI used for sidelink configured grant.</t>
  </si>
  <si>
    <t>Set of possible resource reservation period in the unit of ms allowed in the resource pool. Up to 16 values can be configured per resource pool.</t>
  </si>
  <si>
    <t>0, 1..99, 100, 200, 300, 400, 500, 600, 700, 800, 900, 1000</t>
  </si>
  <si>
    <t xml:space="preserve">Agreements made in RAN1#98bis:
• For sidelink synchronization signal/channel (including S-SSB and LTE SLSS/PSBCH) priority for a UE is (pre)-configured per UE 
o The (pre)-configured priority is used in the same way as the priority for other channel/signals w.r.t. prioritization for handling in-device co-existence
o Note: it is understood that the same priority (pre)-configuration is intended for all the related UEs 
• The priority of PSFCH is set as the priority of the corresponding PSSCH.
Agreements made in RAN1#100bis-e: 
For prioritization between S-SSB and UL TX,
• The priority of S-SSB is equal to the (pre-)configured priority introduced for in-device coexistence.
o when UL TX is associated with a DCI indicating “high” in “priority field” or configured with “high priority” by higher layers (i.e., URLLC case)
 If SL-threshold for URLLC case is configured, LTE rule is used (i.e., UL TX is down-prioritized if the priority value of SL-TX is smaller than SL-threshold, otherwise prioritized)
 Otherwise, UL TX is prioritized
o Otherwise, LTE rule is used with another SL-threshold configured for non-URLLC case
o Additionally, PRACH and PUSCH scheduled by RAR UL grant are always prioritized.
</t>
  </si>
  <si>
    <t>In-device coexistence, Prioritization</t>
  </si>
  <si>
    <r>
      <rPr>
        <strike/>
        <sz val="8"/>
        <rFont val="Arial"/>
        <family val="2"/>
      </rPr>
      <t xml:space="preserve">TBD
RAN1 will discuss details in RAN1#100
</t>
    </r>
    <r>
      <rPr>
        <sz val="8"/>
        <rFont val="Arial"/>
        <family val="2"/>
      </rPr>
      <t>Indiates whether pre-emption is disabled or enabled in a resource pool. If enabled, a priority level p_preemption can be optionally configured. If the pre-emption is enabled but not p_preemption is not configured, pre-emption is applicable to all levels.</t>
    </r>
  </si>
  <si>
    <r>
      <rPr>
        <strike/>
        <sz val="8"/>
        <rFont val="Arial"/>
        <family val="2"/>
      </rPr>
      <t>[</t>
    </r>
    <r>
      <rPr>
        <sz val="8"/>
        <rFont val="Arial"/>
        <family val="2"/>
      </rPr>
      <t>Per resource pool</t>
    </r>
    <r>
      <rPr>
        <strike/>
        <sz val="8"/>
        <rFont val="Arial"/>
        <family val="2"/>
      </rPr>
      <t>]</t>
    </r>
  </si>
  <si>
    <r>
      <rPr>
        <strike/>
        <sz val="8"/>
        <rFont val="Arial"/>
        <family val="2"/>
      </rPr>
      <t>[</t>
    </r>
    <r>
      <rPr>
        <sz val="8"/>
        <rFont val="Arial"/>
        <family val="2"/>
      </rPr>
      <t>UE specific, Cell specific</t>
    </r>
    <r>
      <rPr>
        <strike/>
        <sz val="8"/>
        <rFont val="Arial"/>
        <family val="2"/>
      </rPr>
      <t>]</t>
    </r>
  </si>
  <si>
    <r>
      <t xml:space="preserve">Agreements:
•	Support a resource pre-emption mechanism for Mode-2
o	A UE triggers reselection of already signaled resource(s) as a resource reservation in case of overlap with resource(s) of a higher priority reservation from a different UE and, SL-RSRP measurement associated with the resource reserved by that different UE is larger than an associated SL-RSRP threshold
</t>
    </r>
    <r>
      <rPr>
        <sz val="8"/>
        <rFont val="Wingdings"/>
        <family val="2"/>
        <charset val="2"/>
      </rPr>
      <t></t>
    </r>
    <r>
      <rPr>
        <sz val="8"/>
        <rFont val="Arial"/>
        <family val="2"/>
      </rPr>
      <t xml:space="preserve">	Only the overlapped resource(s) is/are reselected
</t>
    </r>
    <r>
      <rPr>
        <sz val="8"/>
        <rFont val="Wingdings"/>
        <family val="2"/>
        <charset val="2"/>
      </rPr>
      <t></t>
    </r>
    <r>
      <rPr>
        <sz val="8"/>
        <rFont val="Arial"/>
        <family val="2"/>
      </rPr>
      <t xml:space="preserve">	FFS
•	the timeline for reselection
•	other details
</t>
    </r>
    <r>
      <rPr>
        <sz val="8"/>
        <rFont val="Wingdings"/>
        <family val="2"/>
        <charset val="2"/>
      </rPr>
      <t></t>
    </r>
    <r>
      <rPr>
        <sz val="8"/>
        <rFont val="Arial"/>
        <family val="2"/>
      </rPr>
      <t xml:space="preserve">	FFS whether or not to support other potential UE behaviour (e.g, power boosting/reduction)
o	This mechanism can be enabled or disabled, per resource pool
</t>
    </r>
    <r>
      <rPr>
        <sz val="8"/>
        <rFont val="Wingdings"/>
        <family val="2"/>
        <charset val="2"/>
      </rPr>
      <t></t>
    </r>
    <r>
      <rPr>
        <sz val="8"/>
        <rFont val="Arial"/>
        <family val="2"/>
      </rPr>
      <t xml:space="preserve">	FFS details
Agreements made in RAN1#100bis-e: 
Finalize the RRC parameter for pre-emption activation per resource pool by
• Disabled
• Enabled. Default is without a priority level (i.e., pre-emption is applicable to all levels). 
o Can optionally configuring a priority level p_preemption {1…8} (the value range is a working assumption), and (as a working assumption regarding “&lt;”) if prioRX &lt; p_preemption, and prioTX &gt; prioRX, then pre-emption can be triggered 
 Note: In the inequalities it is assumed that the lowest priority value corresponds to the highest priority/importance traffic
 prioRX is the priority associated with the resource indicated in SCI, as per 8.1.4 in 38.214
 prioTX is L1 priority within a UE associated with the reserved resources, as per 8.1.4 in 38.214
</t>
    </r>
  </si>
  <si>
    <t>sl-xPercentage</t>
    <phoneticPr fontId="10"/>
  </si>
  <si>
    <t>20%, 35%, 50%</t>
    <phoneticPr fontId="10"/>
  </si>
  <si>
    <t>sl-TxPercentageList-r16</t>
    <phoneticPr fontId="10"/>
  </si>
  <si>
    <t>SL-ResourcePool-r16</t>
    <phoneticPr fontId="10"/>
  </si>
  <si>
    <t>SL-BWP-Generic-r16</t>
    <phoneticPr fontId="10"/>
  </si>
  <si>
    <t>RRCReconfigurationSidelink-Ies</t>
    <phoneticPr fontId="10"/>
  </si>
  <si>
    <t>sl-TxDirectCurrentLocation-r16</t>
    <phoneticPr fontId="10"/>
  </si>
  <si>
    <t>sl-LatencyBound-CSI-Report</t>
    <phoneticPr fontId="10"/>
  </si>
</sst>
</file>

<file path=xl/styles.xml><?xml version="1.0" encoding="utf-8"?>
<styleSheet xmlns="http://schemas.openxmlformats.org/spreadsheetml/2006/main" xmlns:mc="http://schemas.openxmlformats.org/markup-compatibility/2006" xmlns:x14ac="http://schemas.microsoft.com/office/spreadsheetml/2009/9/ac" mc:Ignorable="x14ac">
  <fonts count="51">
    <font>
      <sz val="11"/>
      <color theme="1"/>
      <name val="等线"/>
      <family val="2"/>
      <charset val="128"/>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11"/>
      <color theme="1"/>
      <name val="等线"/>
      <family val="2"/>
      <scheme val="minor"/>
    </font>
    <font>
      <sz val="6"/>
      <name val="等线"/>
      <family val="2"/>
      <charset val="128"/>
      <scheme val="minor"/>
    </font>
    <font>
      <sz val="8"/>
      <name val="Arial"/>
      <family val="2"/>
    </font>
    <font>
      <sz val="8"/>
      <color theme="1"/>
      <name val="Arial"/>
      <family val="2"/>
    </font>
    <font>
      <sz val="9"/>
      <name val="等线"/>
      <family val="3"/>
      <charset val="134"/>
      <scheme val="minor"/>
    </font>
    <font>
      <b/>
      <sz val="8"/>
      <name val="Arial"/>
      <family val="2"/>
    </font>
    <font>
      <sz val="11"/>
      <color theme="1"/>
      <name val="等线"/>
      <family val="2"/>
      <charset val="128"/>
      <scheme val="minor"/>
    </font>
    <font>
      <sz val="10"/>
      <name val="Arial"/>
      <family val="2"/>
    </font>
    <font>
      <sz val="8"/>
      <color rgb="FFFF0000"/>
      <name val="Arial"/>
      <family val="2"/>
    </font>
    <font>
      <b/>
      <sz val="8"/>
      <color theme="1"/>
      <name val="Arial"/>
      <family val="2"/>
    </font>
    <font>
      <sz val="8"/>
      <color theme="1"/>
      <name val="Segoe UI Symbol"/>
      <family val="2"/>
    </font>
    <font>
      <u/>
      <sz val="8"/>
      <name val="Arial"/>
      <family val="2"/>
    </font>
    <font>
      <sz val="8"/>
      <name val="돋움"/>
      <family val="3"/>
      <charset val="129"/>
    </font>
    <font>
      <sz val="11"/>
      <name val="等线"/>
      <family val="2"/>
      <charset val="128"/>
      <scheme val="minor"/>
    </font>
    <font>
      <sz val="8"/>
      <color rgb="FF0000FF"/>
      <name val="Arial"/>
      <family val="2"/>
    </font>
    <font>
      <strike/>
      <sz val="8"/>
      <color rgb="FF0000FF"/>
      <name val="Arial"/>
      <family val="2"/>
    </font>
    <font>
      <strike/>
      <sz val="8"/>
      <color theme="1"/>
      <name val="Arial"/>
      <family val="2"/>
    </font>
    <font>
      <strike/>
      <sz val="8"/>
      <name val="Arial"/>
      <family val="2"/>
    </font>
    <font>
      <sz val="10"/>
      <name val="Times New Roman"/>
      <family val="1"/>
    </font>
    <font>
      <i/>
      <sz val="8"/>
      <name val="Arial"/>
      <family val="2"/>
    </font>
    <font>
      <i/>
      <sz val="10"/>
      <name val="Times New Roman"/>
      <family val="1"/>
    </font>
    <font>
      <sz val="8"/>
      <name val="Times New Roman"/>
      <family val="1"/>
    </font>
    <font>
      <sz val="8"/>
      <name val="Wingdings"/>
      <family val="2"/>
      <charset val="2"/>
    </font>
    <font>
      <sz val="8"/>
      <name val="游ゴシック"/>
      <family val="2"/>
      <charset val="128"/>
    </font>
    <font>
      <b/>
      <strike/>
      <sz val="8"/>
      <name val="Arial"/>
      <family val="2"/>
    </font>
    <font>
      <sz val="8"/>
      <name val="宋体"/>
      <family val="3"/>
      <charset val="134"/>
    </font>
    <font>
      <sz val="9"/>
      <name val="Calibri"/>
      <family val="2"/>
    </font>
    <font>
      <strike/>
      <sz val="9"/>
      <name val="Calibri"/>
      <family val="2"/>
    </font>
    <font>
      <sz val="8"/>
      <name val="Segoe UI Symbol"/>
      <family val="2"/>
    </font>
    <font>
      <u/>
      <sz val="5"/>
      <name val="Arial"/>
      <family val="2"/>
    </font>
    <font>
      <i/>
      <u/>
      <sz val="5"/>
      <name val="Arial"/>
      <family val="2"/>
    </font>
    <font>
      <sz val="8"/>
      <name val="游ゴシック"/>
      <family val="1"/>
      <charset val="128"/>
    </font>
    <font>
      <sz val="10"/>
      <color theme="1"/>
      <name val="CG Times (WN)"/>
      <family val="1"/>
    </font>
    <font>
      <u/>
      <sz val="8"/>
      <color rgb="FF00B0F0"/>
      <name val="Arial"/>
      <family val="2"/>
    </font>
    <font>
      <sz val="8"/>
      <color rgb="FF00B0F0"/>
      <name val="Arial"/>
      <family val="2"/>
    </font>
    <font>
      <sz val="8"/>
      <color rgb="FF0070C0"/>
      <name val="Arial"/>
      <family val="2"/>
    </font>
    <font>
      <sz val="8"/>
      <color rgb="FF0070C0"/>
      <name val="Wingdings"/>
      <family val="2"/>
      <charset val="2"/>
    </font>
    <font>
      <strike/>
      <sz val="8"/>
      <color rgb="FF0070C0"/>
      <name val="Arial"/>
      <family val="2"/>
    </font>
    <font>
      <sz val="10"/>
      <color theme="1"/>
      <name val="Times New Roman"/>
      <family val="1"/>
    </font>
    <font>
      <strike/>
      <sz val="10"/>
      <color theme="1"/>
      <name val="Times New Roman"/>
      <family val="1"/>
    </font>
    <font>
      <strike/>
      <sz val="10"/>
      <color rgb="FF0000FF"/>
      <name val="Times New Roman"/>
      <family val="1"/>
    </font>
    <font>
      <strike/>
      <sz val="10"/>
      <name val="Times New Roman"/>
      <family val="1"/>
    </font>
  </fonts>
  <fills count="6">
    <fill>
      <patternFill patternType="none"/>
    </fill>
    <fill>
      <patternFill patternType="gray125"/>
    </fill>
    <fill>
      <patternFill patternType="solid">
        <fgColor rgb="FF00B0F0"/>
        <bgColor indexed="64"/>
      </patternFill>
    </fill>
    <fill>
      <patternFill patternType="solid">
        <fgColor theme="0"/>
        <bgColor indexed="64"/>
      </patternFill>
    </fill>
    <fill>
      <patternFill patternType="solid">
        <fgColor rgb="FFFFFF00"/>
        <bgColor indexed="64"/>
      </patternFill>
    </fill>
    <fill>
      <patternFill patternType="solid">
        <fgColor rgb="FF92D05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s>
  <cellStyleXfs count="56">
    <xf numFmtId="0" fontId="0" fillId="0" borderId="0">
      <alignment vertical="center"/>
    </xf>
    <xf numFmtId="0" fontId="9" fillId="0" borderId="0"/>
    <xf numFmtId="0" fontId="15" fillId="0" borderId="0">
      <alignment vertical="center"/>
    </xf>
    <xf numFmtId="0" fontId="16" fillId="0" borderId="0"/>
    <xf numFmtId="0" fontId="16" fillId="0" borderId="0"/>
    <xf numFmtId="0" fontId="8" fillId="0" borderId="0"/>
    <xf numFmtId="0" fontId="16" fillId="0" borderId="0"/>
    <xf numFmtId="0" fontId="8" fillId="0" borderId="0"/>
    <xf numFmtId="0" fontId="7" fillId="0" borderId="0"/>
    <xf numFmtId="0" fontId="6" fillId="0" borderId="0"/>
    <xf numFmtId="0" fontId="5" fillId="0" borderId="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1" fillId="0" borderId="0"/>
  </cellStyleXfs>
  <cellXfs count="107">
    <xf numFmtId="0" fontId="0" fillId="0" borderId="0" xfId="0">
      <alignment vertical="center"/>
    </xf>
    <xf numFmtId="49" fontId="12" fillId="2" borderId="1" xfId="0" applyNumberFormat="1" applyFont="1" applyFill="1" applyBorder="1" applyAlignment="1">
      <alignment horizontal="left" vertical="center" wrapText="1"/>
    </xf>
    <xf numFmtId="49" fontId="14" fillId="2" borderId="1" xfId="0" applyNumberFormat="1" applyFont="1" applyFill="1" applyBorder="1" applyAlignment="1">
      <alignment horizontal="left" vertical="center" wrapText="1"/>
    </xf>
    <xf numFmtId="49" fontId="17" fillId="0" borderId="1" xfId="0" applyNumberFormat="1" applyFont="1" applyBorder="1" applyAlignment="1">
      <alignment horizontal="left" vertical="center" wrapText="1"/>
    </xf>
    <xf numFmtId="49" fontId="18" fillId="2" borderId="1" xfId="0" applyNumberFormat="1" applyFont="1" applyFill="1" applyBorder="1" applyAlignment="1">
      <alignment horizontal="left" vertical="center" wrapText="1"/>
    </xf>
    <xf numFmtId="0" fontId="11" fillId="0" borderId="1" xfId="0" applyFont="1" applyBorder="1" applyAlignment="1">
      <alignment horizontal="left" vertical="center" wrapText="1"/>
    </xf>
    <xf numFmtId="0" fontId="0" fillId="0" borderId="0" xfId="0">
      <alignment vertical="center"/>
    </xf>
    <xf numFmtId="49" fontId="12" fillId="0" borderId="1" xfId="0" applyNumberFormat="1" applyFont="1" applyBorder="1" applyAlignment="1">
      <alignment horizontal="left" vertical="center" wrapText="1"/>
    </xf>
    <xf numFmtId="49" fontId="11" fillId="0" borderId="2" xfId="0" applyNumberFormat="1" applyFont="1" applyBorder="1" applyAlignment="1">
      <alignment horizontal="left" vertical="center" wrapText="1"/>
    </xf>
    <xf numFmtId="0" fontId="11" fillId="0" borderId="2" xfId="0" applyFont="1" applyBorder="1" applyAlignment="1">
      <alignment horizontal="left" vertical="center" wrapText="1"/>
    </xf>
    <xf numFmtId="49" fontId="11" fillId="0" borderId="1" xfId="0" applyNumberFormat="1" applyFont="1" applyBorder="1" applyAlignment="1">
      <alignment horizontal="left" vertical="center" wrapText="1"/>
    </xf>
    <xf numFmtId="0" fontId="22" fillId="0" borderId="1" xfId="0" applyFont="1" applyBorder="1">
      <alignment vertical="center"/>
    </xf>
    <xf numFmtId="49" fontId="11" fillId="0" borderId="1" xfId="0" applyNumberFormat="1" applyFont="1" applyBorder="1" applyAlignment="1">
      <alignment horizontal="left" vertical="top" wrapText="1"/>
    </xf>
    <xf numFmtId="49" fontId="12" fillId="0" borderId="1" xfId="0" applyNumberFormat="1" applyFont="1" applyBorder="1" applyAlignment="1">
      <alignment horizontal="left" vertical="center" wrapText="1"/>
    </xf>
    <xf numFmtId="49" fontId="11" fillId="0" borderId="1" xfId="0" applyNumberFormat="1" applyFont="1" applyFill="1" applyBorder="1" applyAlignment="1">
      <alignment horizontal="left" vertical="center" wrapText="1"/>
    </xf>
    <xf numFmtId="49" fontId="11" fillId="0" borderId="4" xfId="0" applyNumberFormat="1" applyFont="1" applyFill="1" applyBorder="1" applyAlignment="1">
      <alignment horizontal="left" vertical="center" wrapText="1"/>
    </xf>
    <xf numFmtId="49" fontId="12" fillId="0" borderId="1" xfId="0" applyNumberFormat="1" applyFont="1" applyBorder="1" applyAlignment="1">
      <alignment horizontal="center" vertical="center" wrapText="1"/>
    </xf>
    <xf numFmtId="49" fontId="23" fillId="0" borderId="1" xfId="0" applyNumberFormat="1" applyFont="1" applyBorder="1" applyAlignment="1">
      <alignment horizontal="left" vertical="center" wrapText="1"/>
    </xf>
    <xf numFmtId="49" fontId="24" fillId="0" borderId="1" xfId="0" applyNumberFormat="1" applyFont="1" applyBorder="1" applyAlignment="1">
      <alignment horizontal="left" vertical="center" wrapText="1"/>
    </xf>
    <xf numFmtId="49" fontId="23" fillId="0" borderId="1" xfId="0" applyNumberFormat="1" applyFont="1" applyBorder="1" applyAlignment="1">
      <alignment vertical="center" wrapText="1"/>
    </xf>
    <xf numFmtId="49" fontId="26" fillId="0" borderId="1" xfId="0" applyNumberFormat="1" applyFont="1" applyBorder="1" applyAlignment="1">
      <alignment horizontal="left" vertical="center" wrapText="1"/>
    </xf>
    <xf numFmtId="0" fontId="29" fillId="0" borderId="1" xfId="0" applyFont="1" applyBorder="1">
      <alignment vertical="center"/>
    </xf>
    <xf numFmtId="0" fontId="29" fillId="0" borderId="0" xfId="0" applyFont="1">
      <alignment vertical="center"/>
    </xf>
    <xf numFmtId="49" fontId="11" fillId="2" borderId="1" xfId="0" applyNumberFormat="1" applyFont="1" applyFill="1" applyBorder="1" applyAlignment="1">
      <alignment horizontal="left" vertical="center" wrapText="1"/>
    </xf>
    <xf numFmtId="0" fontId="30" fillId="0" borderId="1" xfId="0" applyFont="1" applyBorder="1">
      <alignment vertical="center"/>
    </xf>
    <xf numFmtId="0" fontId="11" fillId="0" borderId="1" xfId="0" applyFont="1" applyBorder="1" applyAlignment="1">
      <alignment vertical="center" wrapText="1"/>
    </xf>
    <xf numFmtId="49" fontId="30" fillId="0" borderId="1" xfId="0" applyNumberFormat="1" applyFont="1" applyFill="1" applyBorder="1" applyAlignment="1">
      <alignment horizontal="left" vertical="center"/>
    </xf>
    <xf numFmtId="49" fontId="11" fillId="0" borderId="3" xfId="0" applyNumberFormat="1" applyFont="1" applyBorder="1" applyAlignment="1">
      <alignment horizontal="left" vertical="center" wrapText="1"/>
    </xf>
    <xf numFmtId="49" fontId="11" fillId="0" borderId="4" xfId="0" applyNumberFormat="1" applyFont="1" applyBorder="1" applyAlignment="1">
      <alignment horizontal="left" vertical="center" wrapText="1"/>
    </xf>
    <xf numFmtId="49" fontId="30" fillId="0" borderId="4" xfId="0" applyNumberFormat="1" applyFont="1" applyFill="1" applyBorder="1" applyAlignment="1">
      <alignment horizontal="left" vertical="center"/>
    </xf>
    <xf numFmtId="49" fontId="11" fillId="0" borderId="1" xfId="0" applyNumberFormat="1" applyFont="1" applyBorder="1" applyAlignment="1">
      <alignment horizontal="center" vertical="center" wrapText="1"/>
    </xf>
    <xf numFmtId="49" fontId="30" fillId="0" borderId="1" xfId="0" applyNumberFormat="1" applyFont="1" applyBorder="1" applyAlignment="1">
      <alignment horizontal="left" vertical="center"/>
    </xf>
    <xf numFmtId="49" fontId="30" fillId="0" borderId="3" xfId="0" applyNumberFormat="1" applyFont="1" applyBorder="1" applyAlignment="1">
      <alignment horizontal="left" vertical="center"/>
    </xf>
    <xf numFmtId="49" fontId="26" fillId="0" borderId="1" xfId="0" applyNumberFormat="1" applyFont="1" applyBorder="1" applyAlignment="1">
      <alignment horizontal="left" vertical="top" wrapText="1"/>
    </xf>
    <xf numFmtId="0" fontId="12" fillId="0" borderId="0" xfId="0" applyFont="1">
      <alignment vertical="center"/>
    </xf>
    <xf numFmtId="49" fontId="12" fillId="3" borderId="1" xfId="0" applyNumberFormat="1" applyFont="1" applyFill="1" applyBorder="1" applyAlignment="1">
      <alignment horizontal="left" vertical="center" wrapText="1"/>
    </xf>
    <xf numFmtId="49" fontId="12" fillId="0" borderId="1" xfId="0" applyNumberFormat="1" applyFont="1" applyBorder="1" applyAlignment="1">
      <alignment vertical="center" wrapText="1"/>
    </xf>
    <xf numFmtId="49" fontId="11" fillId="0" borderId="6" xfId="0" applyNumberFormat="1" applyFont="1" applyBorder="1" applyAlignment="1">
      <alignment horizontal="left" vertical="center" wrapText="1"/>
    </xf>
    <xf numFmtId="0" fontId="35" fillId="0" borderId="1" xfId="0" applyFont="1" applyBorder="1" applyAlignment="1">
      <alignment vertical="center" wrapText="1"/>
    </xf>
    <xf numFmtId="0" fontId="38" fillId="0" borderId="1" xfId="0" applyFont="1" applyBorder="1" applyAlignment="1">
      <alignment vertical="center" wrapText="1"/>
    </xf>
    <xf numFmtId="0" fontId="11" fillId="0" borderId="3" xfId="0" applyFont="1" applyBorder="1" applyAlignment="1">
      <alignment vertical="center" wrapText="1"/>
    </xf>
    <xf numFmtId="0" fontId="26" fillId="0" borderId="1" xfId="0" applyFont="1" applyBorder="1" applyAlignment="1">
      <alignment horizontal="left" vertical="center" wrapText="1"/>
    </xf>
    <xf numFmtId="49" fontId="25" fillId="0" borderId="1" xfId="0" applyNumberFormat="1" applyFont="1" applyBorder="1" applyAlignment="1">
      <alignment horizontal="left" vertical="center" wrapText="1"/>
    </xf>
    <xf numFmtId="49" fontId="25" fillId="0" borderId="1" xfId="0" applyNumberFormat="1" applyFont="1" applyBorder="1" applyAlignment="1">
      <alignment vertical="center" wrapText="1"/>
    </xf>
    <xf numFmtId="49" fontId="25" fillId="0" borderId="1" xfId="0" applyNumberFormat="1" applyFont="1" applyBorder="1" applyAlignment="1">
      <alignment horizontal="center" vertical="center" wrapText="1"/>
    </xf>
    <xf numFmtId="49" fontId="23" fillId="3" borderId="1" xfId="0" applyNumberFormat="1" applyFont="1" applyFill="1" applyBorder="1" applyAlignment="1">
      <alignment horizontal="left" vertical="center" wrapText="1"/>
    </xf>
    <xf numFmtId="49" fontId="11" fillId="4" borderId="1" xfId="0" applyNumberFormat="1" applyFont="1" applyFill="1" applyBorder="1" applyAlignment="1">
      <alignment horizontal="left" vertical="center" wrapText="1"/>
    </xf>
    <xf numFmtId="0" fontId="11" fillId="4" borderId="1" xfId="0" applyFont="1" applyFill="1" applyBorder="1" applyAlignment="1">
      <alignment vertical="center" wrapText="1"/>
    </xf>
    <xf numFmtId="0" fontId="11" fillId="4" borderId="0" xfId="0" applyFont="1" applyFill="1" applyAlignment="1">
      <alignment vertical="center" wrapText="1"/>
    </xf>
    <xf numFmtId="49" fontId="11" fillId="4" borderId="3" xfId="0" applyNumberFormat="1" applyFont="1" applyFill="1" applyBorder="1" applyAlignment="1">
      <alignment horizontal="left" vertical="center" wrapText="1"/>
    </xf>
    <xf numFmtId="49" fontId="44" fillId="0" borderId="1" xfId="0" applyNumberFormat="1" applyFont="1" applyBorder="1" applyAlignment="1">
      <alignment horizontal="left" vertical="center" wrapText="1"/>
    </xf>
    <xf numFmtId="49" fontId="11" fillId="0" borderId="1" xfId="0" applyNumberFormat="1" applyFont="1" applyFill="1" applyBorder="1" applyAlignment="1">
      <alignment horizontal="left" vertical="top" wrapText="1"/>
    </xf>
    <xf numFmtId="49" fontId="20" fillId="0" borderId="1" xfId="0" applyNumberFormat="1" applyFont="1" applyFill="1" applyBorder="1" applyAlignment="1">
      <alignment horizontal="left" vertical="top" wrapText="1"/>
    </xf>
    <xf numFmtId="49" fontId="11" fillId="0" borderId="4" xfId="0" applyNumberFormat="1" applyFont="1" applyBorder="1" applyAlignment="1">
      <alignment horizontal="left" vertical="center" wrapText="1"/>
    </xf>
    <xf numFmtId="49" fontId="11" fillId="0" borderId="3" xfId="0" applyNumberFormat="1" applyFont="1" applyBorder="1" applyAlignment="1">
      <alignment horizontal="left" vertical="center" wrapText="1"/>
    </xf>
    <xf numFmtId="0" fontId="12" fillId="0" borderId="1" xfId="55" applyFont="1" applyBorder="1" applyAlignment="1">
      <alignment vertical="center" wrapText="1"/>
    </xf>
    <xf numFmtId="0" fontId="12" fillId="0" borderId="1" xfId="55" applyFont="1" applyBorder="1" applyAlignment="1">
      <alignment horizontal="left" vertical="center" wrapText="1"/>
    </xf>
    <xf numFmtId="0" fontId="12" fillId="0" borderId="1" xfId="55" applyFont="1" applyBorder="1" applyAlignment="1">
      <alignment horizontal="center" vertical="center" wrapText="1"/>
    </xf>
    <xf numFmtId="49" fontId="12" fillId="0" borderId="1" xfId="55" applyNumberFormat="1" applyFont="1" applyBorder="1" applyAlignment="1">
      <alignment vertical="center" wrapText="1"/>
    </xf>
    <xf numFmtId="49" fontId="12" fillId="0" borderId="1" xfId="55" applyNumberFormat="1" applyFont="1" applyBorder="1" applyAlignment="1">
      <alignment horizontal="center" vertical="center" wrapText="1"/>
    </xf>
    <xf numFmtId="49" fontId="12" fillId="0" borderId="2" xfId="55" applyNumberFormat="1" applyFont="1" applyBorder="1" applyAlignment="1">
      <alignment vertical="center" wrapText="1"/>
    </xf>
    <xf numFmtId="0" fontId="12" fillId="0" borderId="2" xfId="55" applyFont="1" applyBorder="1" applyAlignment="1">
      <alignment vertical="center" wrapText="1"/>
    </xf>
    <xf numFmtId="49" fontId="12" fillId="0" borderId="1" xfId="55" applyNumberFormat="1" applyFont="1" applyBorder="1" applyAlignment="1">
      <alignment horizontal="left" vertical="center" wrapText="1"/>
    </xf>
    <xf numFmtId="49" fontId="17" fillId="3" borderId="1" xfId="0" applyNumberFormat="1" applyFont="1" applyFill="1" applyBorder="1" applyAlignment="1">
      <alignment horizontal="left" vertical="center" wrapText="1"/>
    </xf>
    <xf numFmtId="0" fontId="12" fillId="0" borderId="0" xfId="55" applyFont="1" applyAlignment="1">
      <alignment vertical="center" wrapText="1"/>
    </xf>
    <xf numFmtId="0" fontId="25" fillId="0" borderId="1" xfId="55" applyFont="1" applyBorder="1" applyAlignment="1">
      <alignment vertical="center" wrapText="1"/>
    </xf>
    <xf numFmtId="0" fontId="25" fillId="0" borderId="1" xfId="55" applyFont="1" applyBorder="1" applyAlignment="1">
      <alignment horizontal="left" vertical="center" wrapText="1"/>
    </xf>
    <xf numFmtId="0" fontId="25" fillId="0" borderId="1" xfId="55" applyFont="1" applyBorder="1" applyAlignment="1">
      <alignment horizontal="center" vertical="center" wrapText="1"/>
    </xf>
    <xf numFmtId="49" fontId="25" fillId="0" borderId="1" xfId="55" applyNumberFormat="1" applyFont="1" applyBorder="1" applyAlignment="1">
      <alignment horizontal="center" vertical="center" wrapText="1"/>
    </xf>
    <xf numFmtId="49" fontId="25" fillId="0" borderId="2" xfId="55" applyNumberFormat="1" applyFont="1" applyBorder="1" applyAlignment="1">
      <alignment vertical="center" wrapText="1"/>
    </xf>
    <xf numFmtId="0" fontId="25" fillId="0" borderId="2" xfId="55" applyFont="1" applyBorder="1" applyAlignment="1">
      <alignment vertical="center" wrapText="1"/>
    </xf>
    <xf numFmtId="49" fontId="25" fillId="0" borderId="1" xfId="55" applyNumberFormat="1" applyFont="1" applyBorder="1" applyAlignment="1">
      <alignment horizontal="left" vertical="center" wrapText="1"/>
    </xf>
    <xf numFmtId="0" fontId="12" fillId="3" borderId="1" xfId="55" applyFont="1" applyFill="1" applyBorder="1" applyAlignment="1">
      <alignment vertical="center" wrapText="1"/>
    </xf>
    <xf numFmtId="0" fontId="17" fillId="0" borderId="1" xfId="55" applyFont="1" applyBorder="1" applyAlignment="1">
      <alignment vertical="center" wrapText="1"/>
    </xf>
    <xf numFmtId="0" fontId="23" fillId="0" borderId="1" xfId="55" applyFont="1" applyBorder="1" applyAlignment="1">
      <alignment horizontal="left" vertical="center" wrapText="1"/>
    </xf>
    <xf numFmtId="0" fontId="23" fillId="0" borderId="1" xfId="55" applyFont="1" applyBorder="1" applyAlignment="1">
      <alignment horizontal="center" vertical="center" wrapText="1"/>
    </xf>
    <xf numFmtId="49" fontId="23" fillId="0" borderId="1" xfId="55" applyNumberFormat="1" applyFont="1" applyBorder="1" applyAlignment="1">
      <alignment horizontal="center" vertical="center" wrapText="1"/>
    </xf>
    <xf numFmtId="49" fontId="23" fillId="0" borderId="2" xfId="55" applyNumberFormat="1" applyFont="1" applyBorder="1" applyAlignment="1">
      <alignment vertical="center" wrapText="1"/>
    </xf>
    <xf numFmtId="0" fontId="23" fillId="0" borderId="2" xfId="55" applyFont="1" applyBorder="1" applyAlignment="1">
      <alignment vertical="center" wrapText="1"/>
    </xf>
    <xf numFmtId="0" fontId="23" fillId="0" borderId="1" xfId="55" applyFont="1" applyBorder="1" applyAlignment="1">
      <alignment vertical="center" wrapText="1"/>
    </xf>
    <xf numFmtId="0" fontId="47" fillId="5" borderId="0" xfId="0" applyFont="1" applyFill="1">
      <alignment vertical="center"/>
    </xf>
    <xf numFmtId="49" fontId="27" fillId="5" borderId="1" xfId="0" applyNumberFormat="1" applyFont="1" applyFill="1" applyBorder="1" applyAlignment="1">
      <alignment horizontal="left" vertical="center" wrapText="1"/>
    </xf>
    <xf numFmtId="49" fontId="49" fillId="5" borderId="1" xfId="0" applyNumberFormat="1" applyFont="1" applyFill="1" applyBorder="1" applyAlignment="1">
      <alignment horizontal="left" vertical="center" wrapText="1"/>
    </xf>
    <xf numFmtId="0" fontId="27" fillId="5" borderId="1" xfId="0" applyFont="1" applyFill="1" applyBorder="1">
      <alignment vertical="center"/>
    </xf>
    <xf numFmtId="0" fontId="47" fillId="0" borderId="1" xfId="55" applyFont="1" applyFill="1" applyBorder="1" applyAlignment="1">
      <alignment vertical="center" wrapText="1"/>
    </xf>
    <xf numFmtId="0" fontId="47" fillId="0" borderId="0" xfId="0" applyFont="1" applyFill="1">
      <alignment vertical="center"/>
    </xf>
    <xf numFmtId="0" fontId="47" fillId="0" borderId="1" xfId="0" applyFont="1" applyFill="1" applyBorder="1">
      <alignment vertical="center"/>
    </xf>
    <xf numFmtId="49" fontId="11" fillId="0" borderId="5" xfId="0" applyNumberFormat="1" applyFont="1" applyBorder="1" applyAlignment="1">
      <alignment horizontal="left" vertical="center" wrapText="1"/>
    </xf>
    <xf numFmtId="0" fontId="11" fillId="0" borderId="4" xfId="0" applyFont="1" applyBorder="1" applyAlignment="1">
      <alignment horizontal="left" vertical="center" wrapText="1"/>
    </xf>
    <xf numFmtId="0" fontId="11" fillId="0" borderId="5" xfId="0" applyFont="1" applyBorder="1" applyAlignment="1">
      <alignment horizontal="left" vertical="center" wrapText="1"/>
    </xf>
    <xf numFmtId="0" fontId="11" fillId="0" borderId="3" xfId="0" applyFont="1" applyBorder="1" applyAlignment="1">
      <alignment horizontal="left" vertical="center" wrapText="1"/>
    </xf>
    <xf numFmtId="49" fontId="11" fillId="3" borderId="1" xfId="0" applyNumberFormat="1" applyFont="1" applyFill="1" applyBorder="1" applyAlignment="1">
      <alignment horizontal="left" vertical="center" wrapText="1"/>
    </xf>
    <xf numFmtId="49" fontId="11" fillId="0" borderId="4" xfId="0" applyNumberFormat="1" applyFont="1" applyBorder="1" applyAlignment="1">
      <alignment horizontal="left" vertical="center" wrapText="1"/>
    </xf>
    <xf numFmtId="49" fontId="11" fillId="0" borderId="5" xfId="0" applyNumberFormat="1" applyFont="1" applyBorder="1" applyAlignment="1">
      <alignment horizontal="left" vertical="center" wrapText="1"/>
    </xf>
    <xf numFmtId="49" fontId="11" fillId="0" borderId="3" xfId="0" applyNumberFormat="1" applyFont="1" applyBorder="1" applyAlignment="1">
      <alignment horizontal="left" vertical="center" wrapText="1"/>
    </xf>
    <xf numFmtId="49" fontId="11" fillId="0" borderId="4" xfId="0" applyNumberFormat="1" applyFont="1" applyFill="1" applyBorder="1" applyAlignment="1">
      <alignment horizontal="left" vertical="center" wrapText="1"/>
    </xf>
    <xf numFmtId="0" fontId="22" fillId="0" borderId="5" xfId="0" applyFont="1" applyFill="1" applyBorder="1" applyAlignment="1">
      <alignment horizontal="left" vertical="center" wrapText="1"/>
    </xf>
    <xf numFmtId="0" fontId="22" fillId="0" borderId="3" xfId="0" applyFont="1" applyFill="1" applyBorder="1" applyAlignment="1">
      <alignment horizontal="left" vertical="center" wrapText="1"/>
    </xf>
    <xf numFmtId="0" fontId="11" fillId="0" borderId="4" xfId="0" applyFont="1" applyBorder="1" applyAlignment="1">
      <alignment horizontal="left" vertical="center" wrapText="1"/>
    </xf>
    <xf numFmtId="0" fontId="11" fillId="0" borderId="3" xfId="0" applyFont="1" applyBorder="1" applyAlignment="1">
      <alignment horizontal="left" vertical="center" wrapText="1"/>
    </xf>
    <xf numFmtId="0" fontId="22" fillId="0" borderId="5" xfId="0" applyFont="1" applyBorder="1" applyAlignment="1">
      <alignment horizontal="left" vertical="center" wrapText="1"/>
    </xf>
    <xf numFmtId="0" fontId="22" fillId="0" borderId="3" xfId="0" applyFont="1" applyBorder="1" applyAlignment="1">
      <alignment horizontal="left" vertical="center" wrapText="1"/>
    </xf>
    <xf numFmtId="0" fontId="22" fillId="0" borderId="3" xfId="0" applyFont="1" applyBorder="1" applyAlignment="1">
      <alignment vertical="center" wrapText="1"/>
    </xf>
    <xf numFmtId="0" fontId="11" fillId="0" borderId="5" xfId="0" applyFont="1" applyBorder="1" applyAlignment="1">
      <alignment horizontal="left" vertical="center" wrapText="1"/>
    </xf>
    <xf numFmtId="49" fontId="11" fillId="0" borderId="4" xfId="0" applyNumberFormat="1" applyFont="1" applyBorder="1" applyAlignment="1">
      <alignment horizontal="left" vertical="top" wrapText="1"/>
    </xf>
    <xf numFmtId="49" fontId="11" fillId="0" borderId="5" xfId="0" applyNumberFormat="1" applyFont="1" applyBorder="1" applyAlignment="1">
      <alignment horizontal="left" vertical="top" wrapText="1"/>
    </xf>
    <xf numFmtId="49" fontId="11" fillId="0" borderId="3" xfId="0" applyNumberFormat="1" applyFont="1" applyBorder="1" applyAlignment="1">
      <alignment horizontal="left" vertical="top" wrapText="1"/>
    </xf>
  </cellXfs>
  <cellStyles count="56">
    <cellStyle name="Normal 2" xfId="2"/>
    <cellStyle name="Normal 3" xfId="1"/>
    <cellStyle name="Normal 3 2" xfId="7"/>
    <cellStyle name="Normal 3 2 2" xfId="8"/>
    <cellStyle name="Normal 3 2 2 2" xfId="20"/>
    <cellStyle name="Normal 3 2 2 2 2" xfId="45"/>
    <cellStyle name="Normal 3 2 2 3" xfId="29"/>
    <cellStyle name="Normal 3 2 2 3 2" xfId="54"/>
    <cellStyle name="Normal 3 2 2 4" xfId="33"/>
    <cellStyle name="Normal 3 2 3" xfId="13"/>
    <cellStyle name="Normal 3 2 3 2" xfId="23"/>
    <cellStyle name="Normal 3 2 3 2 2" xfId="48"/>
    <cellStyle name="Normal 3 2 3 3" xfId="38"/>
    <cellStyle name="Normal 3 2 4" xfId="17"/>
    <cellStyle name="Normal 3 2 4 2" xfId="42"/>
    <cellStyle name="Normal 3 2 5" xfId="26"/>
    <cellStyle name="Normal 3 2 5 2" xfId="51"/>
    <cellStyle name="Normal 3 2 6" xfId="32"/>
    <cellStyle name="Normal 3 3" xfId="11"/>
    <cellStyle name="Normal 3 3 2" xfId="18"/>
    <cellStyle name="Normal 3 3 2 2" xfId="43"/>
    <cellStyle name="Normal 3 3 3" xfId="27"/>
    <cellStyle name="Normal 3 3 3 2" xfId="52"/>
    <cellStyle name="Normal 3 3 4" xfId="36"/>
    <cellStyle name="Normal 3 4" xfId="21"/>
    <cellStyle name="Normal 3 4 2" xfId="46"/>
    <cellStyle name="Normal 3 5" xfId="15"/>
    <cellStyle name="Normal 3 5 2" xfId="40"/>
    <cellStyle name="Normal 3 6" xfId="24"/>
    <cellStyle name="Normal 3 6 2" xfId="49"/>
    <cellStyle name="Normal 3 7" xfId="30"/>
    <cellStyle name="Normal 4" xfId="5"/>
    <cellStyle name="Normal 4 2" xfId="12"/>
    <cellStyle name="Normal 4 2 2" xfId="19"/>
    <cellStyle name="Normal 4 2 2 2" xfId="44"/>
    <cellStyle name="Normal 4 2 3" xfId="28"/>
    <cellStyle name="Normal 4 2 3 2" xfId="53"/>
    <cellStyle name="Normal 4 2 4" xfId="37"/>
    <cellStyle name="Normal 4 3" xfId="22"/>
    <cellStyle name="Normal 4 3 2" xfId="47"/>
    <cellStyle name="Normal 4 4" xfId="16"/>
    <cellStyle name="Normal 4 4 2" xfId="41"/>
    <cellStyle name="Normal 4 5" xfId="25"/>
    <cellStyle name="Normal 4 5 2" xfId="50"/>
    <cellStyle name="Normal 4 6" xfId="31"/>
    <cellStyle name="Normal 5" xfId="6"/>
    <cellStyle name="Normal 6" xfId="9"/>
    <cellStyle name="Normal 6 2" xfId="14"/>
    <cellStyle name="Normal 6 2 2" xfId="39"/>
    <cellStyle name="Normal 6 3" xfId="34"/>
    <cellStyle name="Normal 7" xfId="10"/>
    <cellStyle name="Normal 7 2" xfId="35"/>
    <cellStyle name="Normal 7 2 2" xfId="55"/>
    <cellStyle name="標準 2" xfId="3"/>
    <cellStyle name="常规" xfId="0" builtinId="0"/>
    <cellStyle name="常规 2" xfId="4"/>
  </cellStyles>
  <dxfs count="191">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 Id="rId22" Type="http://schemas.microsoft.com/office/2017/10/relationships/person" Target="persons/perso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9</xdr:col>
      <xdr:colOff>0</xdr:colOff>
      <xdr:row>47</xdr:row>
      <xdr:rowOff>0</xdr:rowOff>
    </xdr:from>
    <xdr:to>
      <xdr:col>9</xdr:col>
      <xdr:colOff>247650</xdr:colOff>
      <xdr:row>47</xdr:row>
      <xdr:rowOff>85725</xdr:rowOff>
    </xdr:to>
    <xdr:pic>
      <xdr:nvPicPr>
        <xdr:cNvPr id="2" name="Picture 1">
          <a:extLst>
            <a:ext uri="{FF2B5EF4-FFF2-40B4-BE49-F238E27FC236}">
              <a16:creationId xmlns="" xmlns:a16="http://schemas.microsoft.com/office/drawing/2014/main" id="{7ECDEA54-D331-46F7-83FF-E238FA649F3A}"/>
            </a:ext>
          </a:extLst>
        </xdr:cNvPr>
        <xdr:cNvPicPr>
          <a:picLocks noChangeAspect="1" noChangeArrowheads="1"/>
        </xdr:cNvPicPr>
      </xdr:nvPicPr>
      <xdr:blipFill>
        <a:blip xmlns:r="http://schemas.openxmlformats.org/officeDocument/2006/relationships" r:embed="rId1"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xdr:blipFill>
      <xdr:spPr bwMode="auto">
        <a:xfrm>
          <a:off x="8181975" y="51063525"/>
          <a:ext cx="247650" cy="857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ktakeda/AppData/Local/Packages/Microsoft.MicrosoftEdge_8wekyb3d8bbwe/TempState/Downloads/TDoc_List_Meeting_RAN1%2396%20(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www.3gpp.org/Users/ktakeda/AppData/Local/Packages/Microsoft.MicrosoftEdge_8wekyb3d8bbwe/TempState/Downloads/TDoc_List_Meeting_RAN1#96 (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ericsson.sharepoint.com/Users/ktakeda/AppData/Local/Packages/Microsoft.MicrosoftEdge_8wekyb3d8bbwe/TempState/Downloads/TDoc_List_Meeting_RAN1#96 (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Doc_List"/>
      <sheetName val="CR_Packs_List"/>
      <sheetName val="Parameters"/>
    </sheetNames>
    <sheetDataSet>
      <sheetData sheetId="0"/>
      <sheetData sheetId="1"/>
      <sheetData sheetId="2">
        <row r="3">
          <cell r="A3" t="str">
            <v>agenda</v>
          </cell>
          <cell r="D3" t="str">
            <v>Decision</v>
          </cell>
        </row>
        <row r="4">
          <cell r="A4" t="str">
            <v>Work Plan</v>
          </cell>
          <cell r="D4" t="str">
            <v>Agreement</v>
          </cell>
        </row>
        <row r="5">
          <cell r="A5" t="str">
            <v>LS in</v>
          </cell>
          <cell r="D5" t="str">
            <v>Approval</v>
          </cell>
        </row>
        <row r="6">
          <cell r="A6" t="str">
            <v>LS out</v>
          </cell>
          <cell r="D6" t="str">
            <v>Information</v>
          </cell>
        </row>
        <row r="7">
          <cell r="A7" t="str">
            <v>pCR</v>
          </cell>
          <cell r="D7" t="str">
            <v>Discussion</v>
          </cell>
        </row>
        <row r="8">
          <cell r="A8" t="str">
            <v>draftCR</v>
          </cell>
          <cell r="D8" t="str">
            <v>Action</v>
          </cell>
        </row>
        <row r="9">
          <cell r="A9" t="str">
            <v>CR</v>
          </cell>
          <cell r="D9" t="str">
            <v>Endorsement</v>
          </cell>
        </row>
        <row r="10">
          <cell r="A10" t="str">
            <v>CR pack</v>
          </cell>
          <cell r="D10" t="str">
            <v>Presentation</v>
          </cell>
        </row>
        <row r="11">
          <cell r="A11" t="str">
            <v>ToR</v>
          </cell>
        </row>
        <row r="12">
          <cell r="A12" t="str">
            <v>WID new</v>
          </cell>
        </row>
        <row r="13">
          <cell r="A13" t="str">
            <v>WID revised</v>
          </cell>
        </row>
        <row r="14">
          <cell r="A14" t="str">
            <v>SID new</v>
          </cell>
        </row>
        <row r="15">
          <cell r="A15" t="str">
            <v>SID revised</v>
          </cell>
        </row>
        <row r="16">
          <cell r="A16" t="str">
            <v>WI status report</v>
          </cell>
        </row>
        <row r="17">
          <cell r="A17" t="str">
            <v>WI exception request</v>
          </cell>
        </row>
        <row r="18">
          <cell r="A18" t="str">
            <v>TS or TR cover</v>
          </cell>
        </row>
        <row r="19">
          <cell r="A19" t="str">
            <v>draft TS</v>
          </cell>
        </row>
        <row r="20">
          <cell r="A20" t="str">
            <v>draft TR</v>
          </cell>
        </row>
        <row r="21">
          <cell r="A21" t="str">
            <v>report</v>
          </cell>
        </row>
        <row r="22">
          <cell r="A22" t="str">
            <v>discussion</v>
          </cell>
        </row>
        <row r="23">
          <cell r="A23" t="str">
            <v>other</v>
          </cell>
        </row>
        <row r="24">
          <cell r="A24" t="str">
            <v>WI summary</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Doc_List"/>
      <sheetName val="CR_Packs_List"/>
      <sheetName val="Parameters"/>
    </sheetNames>
    <sheetDataSet>
      <sheetData sheetId="0"/>
      <sheetData sheetId="1"/>
      <sheetData sheetId="2">
        <row r="3">
          <cell r="A3" t="str">
            <v>agenda</v>
          </cell>
          <cell r="D3" t="str">
            <v>Decision</v>
          </cell>
        </row>
        <row r="4">
          <cell r="A4" t="str">
            <v>Work Plan</v>
          </cell>
          <cell r="D4" t="str">
            <v>Agreement</v>
          </cell>
        </row>
        <row r="5">
          <cell r="A5" t="str">
            <v>LS in</v>
          </cell>
          <cell r="D5" t="str">
            <v>Approval</v>
          </cell>
        </row>
        <row r="6">
          <cell r="A6" t="str">
            <v>LS out</v>
          </cell>
          <cell r="D6" t="str">
            <v>Information</v>
          </cell>
        </row>
        <row r="7">
          <cell r="A7" t="str">
            <v>pCR</v>
          </cell>
          <cell r="D7" t="str">
            <v>Discussion</v>
          </cell>
        </row>
        <row r="8">
          <cell r="A8" t="str">
            <v>draftCR</v>
          </cell>
          <cell r="D8" t="str">
            <v>Action</v>
          </cell>
        </row>
        <row r="9">
          <cell r="A9" t="str">
            <v>CR</v>
          </cell>
          <cell r="D9" t="str">
            <v>Endorsement</v>
          </cell>
        </row>
        <row r="10">
          <cell r="A10" t="str">
            <v>CR pack</v>
          </cell>
          <cell r="D10" t="str">
            <v>Presentation</v>
          </cell>
        </row>
        <row r="11">
          <cell r="A11" t="str">
            <v>ToR</v>
          </cell>
        </row>
        <row r="12">
          <cell r="A12" t="str">
            <v>WID new</v>
          </cell>
        </row>
        <row r="13">
          <cell r="A13" t="str">
            <v>WID revised</v>
          </cell>
        </row>
        <row r="14">
          <cell r="A14" t="str">
            <v>SID new</v>
          </cell>
        </row>
        <row r="15">
          <cell r="A15" t="str">
            <v>SID revised</v>
          </cell>
        </row>
        <row r="16">
          <cell r="A16" t="str">
            <v>WI status report</v>
          </cell>
        </row>
        <row r="17">
          <cell r="A17" t="str">
            <v>WI exception request</v>
          </cell>
        </row>
        <row r="18">
          <cell r="A18" t="str">
            <v>TS or TR cover</v>
          </cell>
        </row>
        <row r="19">
          <cell r="A19" t="str">
            <v>draft TS</v>
          </cell>
        </row>
        <row r="20">
          <cell r="A20" t="str">
            <v>draft TR</v>
          </cell>
        </row>
        <row r="21">
          <cell r="A21" t="str">
            <v>report</v>
          </cell>
        </row>
        <row r="22">
          <cell r="A22" t="str">
            <v>discussion</v>
          </cell>
        </row>
        <row r="23">
          <cell r="A23" t="str">
            <v>other</v>
          </cell>
        </row>
        <row r="24">
          <cell r="A24" t="str">
            <v>WI summary</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Doc_List"/>
      <sheetName val="CR_Packs_List"/>
      <sheetName val="Parameters"/>
    </sheetNames>
    <sheetDataSet>
      <sheetData sheetId="0"/>
      <sheetData sheetId="1"/>
      <sheetData sheetId="2">
        <row r="3">
          <cell r="A3" t="str">
            <v>agenda</v>
          </cell>
          <cell r="D3" t="str">
            <v>Decision</v>
          </cell>
        </row>
        <row r="4">
          <cell r="A4" t="str">
            <v>Work Plan</v>
          </cell>
          <cell r="D4" t="str">
            <v>Agreement</v>
          </cell>
        </row>
        <row r="5">
          <cell r="A5" t="str">
            <v>LS in</v>
          </cell>
          <cell r="D5" t="str">
            <v>Approval</v>
          </cell>
        </row>
        <row r="6">
          <cell r="A6" t="str">
            <v>LS out</v>
          </cell>
          <cell r="D6" t="str">
            <v>Information</v>
          </cell>
        </row>
        <row r="7">
          <cell r="A7" t="str">
            <v>pCR</v>
          </cell>
          <cell r="D7" t="str">
            <v>Discussion</v>
          </cell>
        </row>
        <row r="8">
          <cell r="A8" t="str">
            <v>draftCR</v>
          </cell>
          <cell r="D8" t="str">
            <v>Action</v>
          </cell>
        </row>
        <row r="9">
          <cell r="A9" t="str">
            <v>CR</v>
          </cell>
          <cell r="D9" t="str">
            <v>Endorsement</v>
          </cell>
        </row>
        <row r="10">
          <cell r="A10" t="str">
            <v>CR pack</v>
          </cell>
          <cell r="D10" t="str">
            <v>Presentation</v>
          </cell>
        </row>
        <row r="11">
          <cell r="A11" t="str">
            <v>ToR</v>
          </cell>
        </row>
        <row r="12">
          <cell r="A12" t="str">
            <v>WID new</v>
          </cell>
        </row>
        <row r="13">
          <cell r="A13" t="str">
            <v>WID revised</v>
          </cell>
        </row>
        <row r="14">
          <cell r="A14" t="str">
            <v>SID new</v>
          </cell>
        </row>
        <row r="15">
          <cell r="A15" t="str">
            <v>SID revised</v>
          </cell>
        </row>
        <row r="16">
          <cell r="A16" t="str">
            <v>WI status report</v>
          </cell>
        </row>
        <row r="17">
          <cell r="A17" t="str">
            <v>WI exception request</v>
          </cell>
        </row>
        <row r="18">
          <cell r="A18" t="str">
            <v>TS or TR cover</v>
          </cell>
        </row>
        <row r="19">
          <cell r="A19" t="str">
            <v>draft TS</v>
          </cell>
        </row>
        <row r="20">
          <cell r="A20" t="str">
            <v>draft TR</v>
          </cell>
        </row>
        <row r="21">
          <cell r="A21" t="str">
            <v>report</v>
          </cell>
        </row>
        <row r="22">
          <cell r="A22" t="str">
            <v>discussion</v>
          </cell>
        </row>
        <row r="23">
          <cell r="A23" t="str">
            <v>other</v>
          </cell>
        </row>
        <row r="24">
          <cell r="A24" t="str">
            <v>WI summary</v>
          </cell>
        </row>
      </sheetData>
    </sheetDataSet>
  </externalBook>
</externalLink>
</file>

<file path=xl/persons/person.xml><?xml version="1.0" encoding="utf-8"?>
<personList xmlns="http://schemas.microsoft.com/office/spreadsheetml/2018/threadedcomments" xmlns:x="http://schemas.openxmlformats.org/spreadsheetml/2006/main">
  <person displayName="Qualcomm" id="{87329246-8C20-4FFD-9D4A-115B5A6BD447}" userId="Qualcomm" providerId="None"/>
  <person displayName="Fred Takeda" id="{5707690E-BD1F-4842-8C9E-4201F3976EDD}" userId="Fred Takeda" providerId="None"/>
</personList>
</file>

<file path=xl/theme/theme1.xml><?xml version="1.0" encoding="utf-8"?>
<a:theme xmlns:a="http://schemas.openxmlformats.org/drawingml/2006/main" name="Office Theme">
  <a:themeElements>
    <a:clrScheme name="Office">
      <a:dk1>
        <a:sysClr val="windowText" lastClr="000000"/>
      </a:dk1>
      <a:lt1>
        <a:sysClr val="window" lastClr="CCEDC7"/>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readedComments/threadedComment1.xml><?xml version="1.0" encoding="utf-8"?>
<ThreadedComments xmlns="http://schemas.microsoft.com/office/spreadsheetml/2018/threadedcomments" xmlns:x="http://schemas.openxmlformats.org/spreadsheetml/2006/main">
  <threadedComment ref="B1" dT="2019-10-31T06:28:45.34" personId="{87329246-8C20-4FFD-9D4A-115B5A6BD447}" id="{979E49DB-45A9-4E1A-BE90-3C397BBF8B52}">
    <text>Indicates functionality where the parameter is applied/defined. This column does not have implication on UE feature aspects.</text>
  </threadedComment>
  <threadedComment ref="L1" dT="2019-09-28T02:55:53.39" personId="{5707690E-BD1F-4842-8C9E-4201F3976EDD}" id="{3C30DF65-6976-4F40-ADC1-8A6F3D544E63}">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10.xml><?xml version="1.0" encoding="utf-8"?>
<ThreadedComments xmlns="http://schemas.microsoft.com/office/spreadsheetml/2018/threadedcomments" xmlns:x="http://schemas.openxmlformats.org/spreadsheetml/2006/main">
  <threadedComment ref="B1" dT="2019-10-31T06:28:45.34" personId="{87329246-8C20-4FFD-9D4A-115B5A6BD447}" id="{E6E16F25-1122-4534-929F-B4B2F3D5AEB2}">
    <text>Indicates functionality where the parameter is applied/defined. This column does not have implication on UE feature aspects.</text>
  </threadedComment>
  <threadedComment ref="L1" dT="2019-09-28T02:55:53.39" personId="{5707690E-BD1F-4842-8C9E-4201F3976EDD}" id="{CA497FE1-2AEA-4583-8F01-C4788BE39CCD}">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11.xml><?xml version="1.0" encoding="utf-8"?>
<ThreadedComments xmlns="http://schemas.microsoft.com/office/spreadsheetml/2018/threadedcomments" xmlns:x="http://schemas.openxmlformats.org/spreadsheetml/2006/main">
  <threadedComment ref="B1" dT="2019-10-31T06:28:45.34" personId="{87329246-8C20-4FFD-9D4A-115B5A6BD447}" id="{59EFCB91-5322-4462-9336-0806B6A575F1}">
    <text>Indicates functionality where the parameter is applied/defined. This column does not have implication on UE feature aspects.</text>
  </threadedComment>
  <threadedComment ref="L1" dT="2019-09-28T02:55:53.39" personId="{5707690E-BD1F-4842-8C9E-4201F3976EDD}" id="{91E2ABA8-B3E7-493D-BAEE-5B3EEB160F10}">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2.xml><?xml version="1.0" encoding="utf-8"?>
<ThreadedComments xmlns="http://schemas.microsoft.com/office/spreadsheetml/2018/threadedcomments" xmlns:x="http://schemas.openxmlformats.org/spreadsheetml/2006/main">
  <threadedComment ref="B1" dT="2019-10-31T06:28:45.34" personId="{87329246-8C20-4FFD-9D4A-115B5A6BD447}" id="{7FE59BF6-367B-4D26-90F2-A911A844B8C3}">
    <text>Indicates functionality where the parameter is applied/defined. This column does not have implication on UE feature aspects.</text>
  </threadedComment>
  <threadedComment ref="L1" dT="2019-09-28T02:55:53.39" personId="{5707690E-BD1F-4842-8C9E-4201F3976EDD}" id="{BD071D2E-E392-4508-A540-65B099522CBA}">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3.xml><?xml version="1.0" encoding="utf-8"?>
<ThreadedComments xmlns="http://schemas.microsoft.com/office/spreadsheetml/2018/threadedcomments" xmlns:x="http://schemas.openxmlformats.org/spreadsheetml/2006/main">
  <threadedComment ref="B1" dT="2019-10-31T06:28:45.34" personId="{87329246-8C20-4FFD-9D4A-115B5A6BD447}" id="{9514978C-9FB3-41BC-AA2A-C7784E2C93A9}">
    <text>Indicates functionality where the parameter is applied/defined. This column does not have implication on UE feature aspects.</text>
  </threadedComment>
  <threadedComment ref="L1" dT="2019-09-28T02:55:53.39" personId="{5707690E-BD1F-4842-8C9E-4201F3976EDD}" id="{62F5350E-64C0-4577-A738-CE9238551BA9}">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4.xml><?xml version="1.0" encoding="utf-8"?>
<ThreadedComments xmlns="http://schemas.microsoft.com/office/spreadsheetml/2018/threadedcomments" xmlns:x="http://schemas.openxmlformats.org/spreadsheetml/2006/main">
  <threadedComment ref="B1" dT="2019-10-31T06:28:45.34" personId="{87329246-8C20-4FFD-9D4A-115B5A6BD447}" id="{CB09731E-5622-4694-9F22-BF7FEBBBB95A}">
    <text>Indicates functionality where the parameter is applied/defined. This column does not have implication on UE feature aspects.</text>
  </threadedComment>
  <threadedComment ref="L1" dT="2019-09-28T02:55:53.39" personId="{5707690E-BD1F-4842-8C9E-4201F3976EDD}" id="{8AB2CD47-C9F1-4CCD-9EC7-B741B18D6A7D}">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5.xml><?xml version="1.0" encoding="utf-8"?>
<ThreadedComments xmlns="http://schemas.microsoft.com/office/spreadsheetml/2018/threadedcomments" xmlns:x="http://schemas.openxmlformats.org/spreadsheetml/2006/main">
  <threadedComment ref="B1" dT="2019-10-31T06:28:45.34" personId="{87329246-8C20-4FFD-9D4A-115B5A6BD447}" id="{0408E788-708B-474D-93FF-73A175125143}">
    <text>Indicates functionality where the parameter is applied/defined. This column does not have implication on UE feature aspects.</text>
  </threadedComment>
  <threadedComment ref="L1" dT="2019-09-28T02:55:53.39" personId="{5707690E-BD1F-4842-8C9E-4201F3976EDD}" id="{D78D3D6D-2385-4F95-84E6-B46D493D0FFA}">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6.xml><?xml version="1.0" encoding="utf-8"?>
<ThreadedComments xmlns="http://schemas.microsoft.com/office/spreadsheetml/2018/threadedcomments" xmlns:x="http://schemas.openxmlformats.org/spreadsheetml/2006/main">
  <threadedComment ref="B1" dT="2019-10-31T06:28:45.34" personId="{87329246-8C20-4FFD-9D4A-115B5A6BD447}" id="{701128B4-BCFE-4AB0-A620-68D56EDE5370}">
    <text>Indicates functionality where the parameter is applied/defined. This column does not have implication on UE feature aspects.</text>
  </threadedComment>
  <threadedComment ref="L1" dT="2019-09-28T02:55:53.39" personId="{5707690E-BD1F-4842-8C9E-4201F3976EDD}" id="{1A4D166C-E3C3-426D-BE67-6F6E575CC170}">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7.xml><?xml version="1.0" encoding="utf-8"?>
<ThreadedComments xmlns="http://schemas.microsoft.com/office/spreadsheetml/2018/threadedcomments" xmlns:x="http://schemas.openxmlformats.org/spreadsheetml/2006/main">
  <threadedComment ref="B1" dT="2019-10-31T06:28:45.34" personId="{87329246-8C20-4FFD-9D4A-115B5A6BD447}" id="{6E6C43DF-608D-4741-AEB2-AF49D83BC1D3}">
    <text>Indicates functionality where the parameter is applied/defined. This column does not have implication on UE feature aspects.</text>
  </threadedComment>
  <threadedComment ref="L1" dT="2019-09-28T02:55:53.39" personId="{5707690E-BD1F-4842-8C9E-4201F3976EDD}" id="{00C4DD3F-3A39-4137-82A5-97A355C03FC9}">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8.xml><?xml version="1.0" encoding="utf-8"?>
<ThreadedComments xmlns="http://schemas.microsoft.com/office/spreadsheetml/2018/threadedcomments" xmlns:x="http://schemas.openxmlformats.org/spreadsheetml/2006/main">
  <threadedComment ref="B1" dT="2019-10-31T06:28:45.34" personId="{87329246-8C20-4FFD-9D4A-115B5A6BD447}" id="{923D214C-C7DC-4BEA-BFF4-824F44CF7EFE}">
    <text>Indicates functionality where the parameter is applied/defined. This column does not have implication on UE feature aspects.</text>
  </threadedComment>
  <threadedComment ref="L1" dT="2019-09-28T02:55:53.39" personId="{5707690E-BD1F-4842-8C9E-4201F3976EDD}" id="{69FE9BDC-2D4A-4774-ACFA-147937B11688}">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threadedComments/threadedComment9.xml><?xml version="1.0" encoding="utf-8"?>
<ThreadedComments xmlns="http://schemas.microsoft.com/office/spreadsheetml/2018/threadedcomments" xmlns:x="http://schemas.openxmlformats.org/spreadsheetml/2006/main">
  <threadedComment ref="B1" dT="2019-10-31T06:28:45.34" personId="{87329246-8C20-4FFD-9D4A-115B5A6BD447}" id="{6072B666-465D-42E0-8C5E-F92677F03B4A}">
    <text>Indicates functionality where the parameter is applied/defined. This column does not have implication on UE feature aspects.</text>
  </threadedComment>
  <threadedComment ref="L1" dT="2019-09-28T02:55:53.39" personId="{5707690E-BD1F-4842-8C9E-4201F3976EDD}" id="{5AD68863-A40D-45A4-9BA8-4E488D0CE3C1}">
    <text>See R1-1905937. 
RAN2 would respectfully request that RAN1 and RAN4 to avoid defining default values for RRC parameters that are utilized in CONNECTED mode from Rel-16 onwards. In case when the default values are necessary from RAN1/4 perspective, RAN2 would request to be provided with the reasons so RAN2 can also consider whether such signalling optimizations are necessary from RAN2 perspective and how to deal with such cases in RRC (RAN2 could e.g. decide to always apply a default value in RRC in a way that’s transparent to RAN1 specifications).</text>
  </threadedComment>
</ThreadedComments>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 Id="rId4" Type="http://schemas.microsoft.com/office/2017/10/relationships/threadedComment" Target="../threadedComments/threadedComment1.xml"/></Relationships>
</file>

<file path=xl/worksheets/_rels/sheet10.xml.rels><?xml version="1.0" encoding="UTF-8" standalone="yes"?>
<Relationships xmlns="http://schemas.openxmlformats.org/package/2006/relationships"><Relationship Id="rId3" Type="http://schemas.openxmlformats.org/officeDocument/2006/relationships/comments" Target="../comments9.xml"/><Relationship Id="rId2" Type="http://schemas.openxmlformats.org/officeDocument/2006/relationships/vmlDrawing" Target="../drawings/vmlDrawing9.vml"/><Relationship Id="rId1" Type="http://schemas.openxmlformats.org/officeDocument/2006/relationships/printerSettings" Target="../printerSettings/printerSettings10.bin"/><Relationship Id="rId4" Type="http://schemas.microsoft.com/office/2017/10/relationships/threadedComment" Target="../threadedComments/threadedComment9.xml"/></Relationships>
</file>

<file path=xl/worksheets/_rels/sheet11.xml.rels><?xml version="1.0" encoding="UTF-8" standalone="yes"?>
<Relationships xmlns="http://schemas.openxmlformats.org/package/2006/relationships"><Relationship Id="rId3" Type="http://schemas.openxmlformats.org/officeDocument/2006/relationships/comments" Target="../comments10.xml"/><Relationship Id="rId2" Type="http://schemas.openxmlformats.org/officeDocument/2006/relationships/vmlDrawing" Target="../drawings/vmlDrawing10.vml"/><Relationship Id="rId1" Type="http://schemas.openxmlformats.org/officeDocument/2006/relationships/printerSettings" Target="../printerSettings/printerSettings11.bin"/><Relationship Id="rId4" Type="http://schemas.microsoft.com/office/2017/10/relationships/threadedComment" Target="../threadedComments/threadedComment10.xml"/></Relationships>
</file>

<file path=xl/worksheets/_rels/sheet12.xml.rels><?xml version="1.0" encoding="UTF-8" standalone="yes"?>
<Relationships xmlns="http://schemas.openxmlformats.org/package/2006/relationships"><Relationship Id="rId3" Type="http://schemas.openxmlformats.org/officeDocument/2006/relationships/comments" Target="../comments11.xml"/><Relationship Id="rId2" Type="http://schemas.openxmlformats.org/officeDocument/2006/relationships/vmlDrawing" Target="../drawings/vmlDrawing11.vml"/><Relationship Id="rId1" Type="http://schemas.openxmlformats.org/officeDocument/2006/relationships/printerSettings" Target="../printerSettings/printerSettings12.bin"/><Relationship Id="rId4" Type="http://schemas.microsoft.com/office/2017/10/relationships/threadedComment" Target="../threadedComments/threadedComment1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 Id="rId4" Type="http://schemas.microsoft.com/office/2017/10/relationships/threadedComment" Target="../threadedComments/threadedComment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 Id="rId4" Type="http://schemas.microsoft.com/office/2017/10/relationships/threadedComment" Target="../threadedComments/threadedComment3.xml"/></Relationships>
</file>

<file path=xl/worksheets/_rels/sheet4.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4.bin"/><Relationship Id="rId4" Type="http://schemas.microsoft.com/office/2017/10/relationships/threadedComment" Target="../threadedComments/threadedComment4.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6.bin"/><Relationship Id="rId4" Type="http://schemas.microsoft.com/office/2017/10/relationships/threadedComment" Target="../threadedComments/threadedComment5.xml"/></Relationships>
</file>

<file path=xl/worksheets/_rels/sheet7.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printerSettings" Target="../printerSettings/printerSettings7.bin"/><Relationship Id="rId4" Type="http://schemas.microsoft.com/office/2017/10/relationships/threadedComment" Target="../threadedComments/threadedComment6.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1.xml"/><Relationship Id="rId1" Type="http://schemas.openxmlformats.org/officeDocument/2006/relationships/printerSettings" Target="../printerSettings/printerSettings8.bin"/><Relationship Id="rId5" Type="http://schemas.microsoft.com/office/2017/10/relationships/threadedComment" Target="../threadedComments/threadedComment7.xml"/><Relationship Id="rId4" Type="http://schemas.openxmlformats.org/officeDocument/2006/relationships/comments" Target="../comments7.xml"/></Relationships>
</file>

<file path=xl/worksheets/_rels/sheet9.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printerSettings" Target="../printerSettings/printerSettings9.bin"/><Relationship Id="rId4" Type="http://schemas.microsoft.com/office/2017/10/relationships/threadedComment" Target="../threadedComments/threadedComment8.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45"/>
  <sheetViews>
    <sheetView zoomScale="90" zoomScaleNormal="90" workbookViewId="0">
      <pane xSplit="7" ySplit="1" topLeftCell="H35" activePane="bottomRight" state="frozen"/>
      <selection pane="topRight" activeCell="G1" sqref="G1"/>
      <selection pane="bottomLeft" activeCell="A2" sqref="A2"/>
      <selection pane="bottomRight" activeCell="E1" sqref="E1:F1"/>
    </sheetView>
  </sheetViews>
  <sheetFormatPr defaultColWidth="13.125" defaultRowHeight="30" customHeight="1"/>
  <cols>
    <col min="1" max="1" width="10.125" style="7" customWidth="1"/>
    <col min="2" max="2" width="15.625" style="7" customWidth="1"/>
    <col min="3" max="3" width="10.125" style="7" customWidth="1"/>
    <col min="4" max="4" width="8" style="7" customWidth="1"/>
    <col min="5" max="5" width="9.375" style="7" customWidth="1"/>
    <col min="6" max="6" width="10.625" style="7" customWidth="1"/>
    <col min="7" max="7" width="24.125" style="7" customWidth="1"/>
    <col min="8" max="8" width="8.375" style="7" customWidth="1"/>
    <col min="9" max="9" width="15.375" style="7" customWidth="1"/>
    <col min="10" max="10" width="53.125" style="7" customWidth="1"/>
    <col min="11" max="11" width="25.375" style="7" customWidth="1"/>
    <col min="12" max="12" width="12" style="7" customWidth="1"/>
    <col min="13" max="14" width="11.375" style="7" customWidth="1"/>
    <col min="15" max="15" width="13.125" style="7"/>
    <col min="16" max="16" width="76.125" style="7" customWidth="1"/>
    <col min="17" max="16384" width="13.125" style="7"/>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22.5">
      <c r="A2" s="10" t="s">
        <v>770</v>
      </c>
      <c r="B2" s="10" t="s">
        <v>196</v>
      </c>
      <c r="G2" s="10" t="s">
        <v>194</v>
      </c>
      <c r="H2" s="10" t="s">
        <v>69</v>
      </c>
      <c r="J2" s="10" t="s">
        <v>198</v>
      </c>
      <c r="K2" s="10" t="s">
        <v>1237</v>
      </c>
      <c r="M2" s="10" t="s">
        <v>197</v>
      </c>
    </row>
    <row r="3" spans="1:16" s="10" customFormat="1" ht="22.5">
      <c r="A3" s="10" t="s">
        <v>770</v>
      </c>
      <c r="B3" s="10" t="s">
        <v>196</v>
      </c>
      <c r="G3" s="10" t="s">
        <v>195</v>
      </c>
      <c r="H3" s="10" t="s">
        <v>69</v>
      </c>
      <c r="J3" s="10" t="s">
        <v>199</v>
      </c>
      <c r="K3" s="10" t="s">
        <v>1237</v>
      </c>
      <c r="M3" s="10" t="s">
        <v>197</v>
      </c>
    </row>
    <row r="4" spans="1:16" s="10" customFormat="1" ht="45">
      <c r="A4" s="10" t="s">
        <v>770</v>
      </c>
      <c r="B4" s="10" t="s">
        <v>202</v>
      </c>
      <c r="G4" s="10" t="s">
        <v>896</v>
      </c>
      <c r="H4" s="10" t="s">
        <v>69</v>
      </c>
      <c r="J4" s="10" t="s">
        <v>1467</v>
      </c>
      <c r="K4" s="10" t="s">
        <v>1238</v>
      </c>
      <c r="M4" s="10" t="s">
        <v>204</v>
      </c>
      <c r="P4" s="10" t="s">
        <v>897</v>
      </c>
    </row>
    <row r="5" spans="1:16" s="10" customFormat="1" ht="45">
      <c r="A5" s="10" t="s">
        <v>770</v>
      </c>
      <c r="B5" s="10" t="s">
        <v>202</v>
      </c>
      <c r="G5" s="10" t="s">
        <v>1239</v>
      </c>
      <c r="H5" s="10" t="s">
        <v>69</v>
      </c>
      <c r="J5" s="10" t="s">
        <v>1240</v>
      </c>
      <c r="K5" s="10" t="s">
        <v>1206</v>
      </c>
      <c r="M5" s="10" t="s">
        <v>204</v>
      </c>
      <c r="P5" s="10" t="s">
        <v>897</v>
      </c>
    </row>
    <row r="6" spans="1:16" s="10" customFormat="1" ht="45">
      <c r="A6" s="10" t="s">
        <v>770</v>
      </c>
      <c r="B6" s="10" t="s">
        <v>202</v>
      </c>
      <c r="G6" s="10" t="s">
        <v>732</v>
      </c>
      <c r="H6" s="10" t="s">
        <v>69</v>
      </c>
      <c r="J6" s="10" t="s">
        <v>1468</v>
      </c>
      <c r="K6" s="10" t="s">
        <v>738</v>
      </c>
      <c r="M6" s="10" t="s">
        <v>204</v>
      </c>
      <c r="P6" s="10" t="s">
        <v>897</v>
      </c>
    </row>
    <row r="7" spans="1:16" s="10" customFormat="1" ht="45">
      <c r="A7" s="10" t="s">
        <v>770</v>
      </c>
      <c r="B7" s="10" t="s">
        <v>202</v>
      </c>
      <c r="G7" s="10" t="s">
        <v>200</v>
      </c>
      <c r="H7" s="10" t="s">
        <v>69</v>
      </c>
      <c r="J7" s="10" t="s">
        <v>206</v>
      </c>
      <c r="K7" s="10" t="s">
        <v>1471</v>
      </c>
      <c r="M7" s="10" t="s">
        <v>204</v>
      </c>
      <c r="P7" s="10" t="s">
        <v>897</v>
      </c>
    </row>
    <row r="8" spans="1:16" s="10" customFormat="1" ht="45">
      <c r="A8" s="10" t="s">
        <v>770</v>
      </c>
      <c r="B8" s="10" t="s">
        <v>202</v>
      </c>
      <c r="G8" s="10" t="s">
        <v>201</v>
      </c>
      <c r="H8" s="10" t="s">
        <v>69</v>
      </c>
      <c r="J8" s="10" t="s">
        <v>207</v>
      </c>
      <c r="K8" s="10" t="s">
        <v>203</v>
      </c>
      <c r="M8" s="10" t="s">
        <v>204</v>
      </c>
      <c r="P8" s="10" t="s">
        <v>897</v>
      </c>
    </row>
    <row r="9" spans="1:16" s="10" customFormat="1" ht="45">
      <c r="A9" s="10" t="s">
        <v>770</v>
      </c>
      <c r="B9" s="10" t="s">
        <v>202</v>
      </c>
      <c r="G9" s="10" t="s">
        <v>733</v>
      </c>
      <c r="H9" s="10" t="s">
        <v>69</v>
      </c>
      <c r="J9" s="10" t="s">
        <v>743</v>
      </c>
      <c r="K9" s="10" t="s">
        <v>1241</v>
      </c>
      <c r="M9" s="10" t="s">
        <v>204</v>
      </c>
      <c r="P9" s="10" t="s">
        <v>897</v>
      </c>
    </row>
    <row r="10" spans="1:16" s="10" customFormat="1" ht="45">
      <c r="A10" s="10" t="s">
        <v>770</v>
      </c>
      <c r="B10" s="10" t="s">
        <v>202</v>
      </c>
      <c r="G10" s="10" t="s">
        <v>734</v>
      </c>
      <c r="H10" s="10" t="s">
        <v>69</v>
      </c>
      <c r="J10" s="10" t="s">
        <v>744</v>
      </c>
      <c r="K10" s="10" t="s">
        <v>741</v>
      </c>
      <c r="M10" s="10" t="s">
        <v>204</v>
      </c>
      <c r="P10" s="10" t="s">
        <v>897</v>
      </c>
    </row>
    <row r="11" spans="1:16" s="10" customFormat="1" ht="45">
      <c r="A11" s="10" t="s">
        <v>770</v>
      </c>
      <c r="B11" s="10" t="s">
        <v>202</v>
      </c>
      <c r="G11" s="10" t="s">
        <v>735</v>
      </c>
      <c r="H11" s="10" t="s">
        <v>69</v>
      </c>
      <c r="J11" s="10" t="s">
        <v>745</v>
      </c>
      <c r="K11" s="10" t="s">
        <v>742</v>
      </c>
      <c r="M11" s="10" t="s">
        <v>204</v>
      </c>
      <c r="P11" s="10" t="s">
        <v>897</v>
      </c>
    </row>
    <row r="12" spans="1:16" s="10" customFormat="1" ht="45">
      <c r="A12" s="10" t="s">
        <v>770</v>
      </c>
      <c r="B12" s="10" t="s">
        <v>202</v>
      </c>
      <c r="G12" s="10" t="s">
        <v>736</v>
      </c>
      <c r="H12" s="10" t="s">
        <v>69</v>
      </c>
      <c r="J12" s="10" t="s">
        <v>746</v>
      </c>
      <c r="K12" s="10" t="s">
        <v>739</v>
      </c>
      <c r="M12" s="10" t="s">
        <v>204</v>
      </c>
      <c r="P12" s="10" t="s">
        <v>897</v>
      </c>
    </row>
    <row r="13" spans="1:16" s="10" customFormat="1" ht="45">
      <c r="A13" s="10" t="s">
        <v>770</v>
      </c>
      <c r="B13" s="10" t="s">
        <v>202</v>
      </c>
      <c r="G13" s="10" t="s">
        <v>737</v>
      </c>
      <c r="H13" s="10" t="s">
        <v>69</v>
      </c>
      <c r="J13" s="10" t="s">
        <v>747</v>
      </c>
      <c r="K13" s="10" t="s">
        <v>740</v>
      </c>
      <c r="M13" s="10" t="s">
        <v>204</v>
      </c>
      <c r="P13" s="10" t="s">
        <v>897</v>
      </c>
    </row>
    <row r="14" spans="1:16" s="10" customFormat="1" ht="56.25">
      <c r="A14" s="10" t="s">
        <v>770</v>
      </c>
      <c r="B14" s="10" t="s">
        <v>208</v>
      </c>
      <c r="G14" s="10" t="s">
        <v>748</v>
      </c>
      <c r="H14" s="10" t="s">
        <v>69</v>
      </c>
      <c r="J14" s="10" t="s">
        <v>750</v>
      </c>
      <c r="K14" s="10" t="s">
        <v>1242</v>
      </c>
      <c r="M14" s="10" t="s">
        <v>205</v>
      </c>
      <c r="P14" s="10" t="s">
        <v>897</v>
      </c>
    </row>
    <row r="15" spans="1:16" s="10" customFormat="1" ht="65.25" customHeight="1">
      <c r="A15" s="10" t="s">
        <v>770</v>
      </c>
      <c r="B15" s="10" t="s">
        <v>208</v>
      </c>
      <c r="G15" s="10" t="s">
        <v>749</v>
      </c>
      <c r="H15" s="10" t="s">
        <v>69</v>
      </c>
      <c r="J15" s="10" t="s">
        <v>1469</v>
      </c>
      <c r="K15" s="10" t="s">
        <v>740</v>
      </c>
      <c r="M15" s="10" t="s">
        <v>205</v>
      </c>
      <c r="P15" s="10" t="s">
        <v>897</v>
      </c>
    </row>
    <row r="16" spans="1:16" s="10" customFormat="1" ht="45">
      <c r="A16" s="10" t="s">
        <v>770</v>
      </c>
      <c r="B16" s="10" t="s">
        <v>209</v>
      </c>
      <c r="G16" s="10" t="s">
        <v>751</v>
      </c>
      <c r="H16" s="10" t="s">
        <v>69</v>
      </c>
      <c r="J16" s="10" t="s">
        <v>761</v>
      </c>
      <c r="K16" s="10" t="s">
        <v>760</v>
      </c>
      <c r="M16" s="10" t="s">
        <v>204</v>
      </c>
    </row>
    <row r="17" spans="1:13" s="10" customFormat="1" ht="22.5">
      <c r="A17" s="10" t="s">
        <v>770</v>
      </c>
      <c r="B17" s="10" t="s">
        <v>209</v>
      </c>
      <c r="G17" s="10" t="s">
        <v>752</v>
      </c>
      <c r="H17" s="10" t="s">
        <v>69</v>
      </c>
      <c r="J17" s="20" t="s">
        <v>1470</v>
      </c>
      <c r="K17" s="10" t="s">
        <v>740</v>
      </c>
      <c r="M17" s="10" t="s">
        <v>227</v>
      </c>
    </row>
    <row r="18" spans="1:13" s="10" customFormat="1" ht="22.5">
      <c r="A18" s="10" t="s">
        <v>770</v>
      </c>
      <c r="B18" s="10" t="s">
        <v>209</v>
      </c>
      <c r="G18" s="10" t="s">
        <v>211</v>
      </c>
      <c r="H18" s="10" t="s">
        <v>69</v>
      </c>
      <c r="J18" s="10" t="s">
        <v>221</v>
      </c>
      <c r="K18" s="10" t="s">
        <v>1472</v>
      </c>
      <c r="M18" s="10" t="s">
        <v>227</v>
      </c>
    </row>
    <row r="19" spans="1:13" s="10" customFormat="1" ht="22.5">
      <c r="A19" s="10" t="s">
        <v>770</v>
      </c>
      <c r="B19" s="10" t="s">
        <v>209</v>
      </c>
      <c r="G19" s="10" t="s">
        <v>212</v>
      </c>
      <c r="H19" s="10" t="s">
        <v>69</v>
      </c>
      <c r="J19" s="10" t="s">
        <v>222</v>
      </c>
      <c r="K19" s="10" t="s">
        <v>1473</v>
      </c>
      <c r="M19" s="10" t="s">
        <v>227</v>
      </c>
    </row>
    <row r="20" spans="1:13" s="10" customFormat="1" ht="62.25" customHeight="1">
      <c r="A20" s="10" t="s">
        <v>770</v>
      </c>
      <c r="B20" s="10" t="s">
        <v>209</v>
      </c>
      <c r="G20" s="10" t="s">
        <v>210</v>
      </c>
      <c r="H20" s="10" t="s">
        <v>69</v>
      </c>
      <c r="J20" s="10" t="s">
        <v>1474</v>
      </c>
      <c r="K20" s="10" t="s">
        <v>1243</v>
      </c>
      <c r="M20" s="10" t="s">
        <v>227</v>
      </c>
    </row>
    <row r="21" spans="1:13" s="10" customFormat="1" ht="67.5">
      <c r="A21" s="10" t="s">
        <v>770</v>
      </c>
      <c r="B21" s="10" t="s">
        <v>209</v>
      </c>
      <c r="G21" s="10" t="s">
        <v>1043</v>
      </c>
      <c r="H21" s="10" t="s">
        <v>69</v>
      </c>
      <c r="J21" s="10" t="s">
        <v>1475</v>
      </c>
      <c r="K21" s="10" t="s">
        <v>1044</v>
      </c>
      <c r="M21" s="10" t="s">
        <v>227</v>
      </c>
    </row>
    <row r="22" spans="1:13" s="10" customFormat="1" ht="94.5" customHeight="1">
      <c r="A22" s="10" t="s">
        <v>770</v>
      </c>
      <c r="B22" s="10" t="s">
        <v>209</v>
      </c>
      <c r="G22" s="10" t="s">
        <v>213</v>
      </c>
      <c r="H22" s="10" t="s">
        <v>69</v>
      </c>
      <c r="J22" s="10" t="s">
        <v>1476</v>
      </c>
      <c r="K22" s="10" t="s">
        <v>1045</v>
      </c>
      <c r="M22" s="10" t="s">
        <v>227</v>
      </c>
    </row>
    <row r="23" spans="1:13" s="10" customFormat="1" ht="45">
      <c r="A23" s="10" t="s">
        <v>770</v>
      </c>
      <c r="B23" s="10" t="s">
        <v>209</v>
      </c>
      <c r="G23" s="10" t="s">
        <v>753</v>
      </c>
      <c r="H23" s="10" t="s">
        <v>69</v>
      </c>
      <c r="J23" s="10" t="s">
        <v>1477</v>
      </c>
      <c r="K23" s="10" t="s">
        <v>262</v>
      </c>
      <c r="M23" s="10" t="s">
        <v>227</v>
      </c>
    </row>
    <row r="24" spans="1:13" s="10" customFormat="1" ht="22.5">
      <c r="A24" s="10" t="s">
        <v>770</v>
      </c>
      <c r="B24" s="10" t="s">
        <v>209</v>
      </c>
      <c r="G24" s="10" t="s">
        <v>214</v>
      </c>
      <c r="H24" s="10" t="s">
        <v>69</v>
      </c>
      <c r="J24" s="10" t="s">
        <v>223</v>
      </c>
      <c r="K24" s="10" t="s">
        <v>1244</v>
      </c>
      <c r="M24" s="10" t="s">
        <v>227</v>
      </c>
    </row>
    <row r="25" spans="1:13" s="10" customFormat="1" ht="22.5">
      <c r="A25" s="10" t="s">
        <v>770</v>
      </c>
      <c r="B25" s="10" t="s">
        <v>209</v>
      </c>
      <c r="G25" s="10" t="s">
        <v>754</v>
      </c>
      <c r="H25" s="10" t="s">
        <v>69</v>
      </c>
      <c r="J25" s="10" t="s">
        <v>763</v>
      </c>
      <c r="K25" s="10" t="s">
        <v>762</v>
      </c>
      <c r="M25" s="10" t="s">
        <v>227</v>
      </c>
    </row>
    <row r="26" spans="1:13" s="10" customFormat="1" ht="22.5">
      <c r="A26" s="10" t="s">
        <v>770</v>
      </c>
      <c r="B26" s="10" t="s">
        <v>209</v>
      </c>
      <c r="G26" s="10" t="s">
        <v>215</v>
      </c>
      <c r="H26" s="10" t="s">
        <v>69</v>
      </c>
      <c r="J26" s="10" t="s">
        <v>224</v>
      </c>
      <c r="K26" s="10" t="s">
        <v>203</v>
      </c>
      <c r="M26" s="10" t="s">
        <v>227</v>
      </c>
    </row>
    <row r="27" spans="1:13" s="10" customFormat="1" ht="22.5">
      <c r="A27" s="10" t="s">
        <v>770</v>
      </c>
      <c r="B27" s="10" t="s">
        <v>209</v>
      </c>
      <c r="G27" s="10" t="s">
        <v>216</v>
      </c>
      <c r="H27" s="10" t="s">
        <v>69</v>
      </c>
      <c r="J27" s="10" t="s">
        <v>225</v>
      </c>
      <c r="K27" s="10" t="s">
        <v>1046</v>
      </c>
      <c r="M27" s="10" t="s">
        <v>227</v>
      </c>
    </row>
    <row r="28" spans="1:13" s="10" customFormat="1" ht="22.5">
      <c r="A28" s="10" t="s">
        <v>770</v>
      </c>
      <c r="B28" s="10" t="s">
        <v>209</v>
      </c>
      <c r="G28" s="10" t="s">
        <v>217</v>
      </c>
      <c r="H28" s="10" t="s">
        <v>69</v>
      </c>
      <c r="J28" s="10" t="s">
        <v>226</v>
      </c>
      <c r="K28" s="10" t="s">
        <v>1478</v>
      </c>
      <c r="M28" s="10" t="s">
        <v>227</v>
      </c>
    </row>
    <row r="29" spans="1:13" s="10" customFormat="1" ht="22.5">
      <c r="A29" s="10" t="s">
        <v>770</v>
      </c>
      <c r="B29" s="10" t="s">
        <v>209</v>
      </c>
      <c r="G29" s="10" t="s">
        <v>755</v>
      </c>
      <c r="H29" s="10" t="s">
        <v>69</v>
      </c>
      <c r="J29" s="10" t="s">
        <v>764</v>
      </c>
      <c r="K29" s="10" t="s">
        <v>1245</v>
      </c>
      <c r="M29" s="10" t="s">
        <v>227</v>
      </c>
    </row>
    <row r="30" spans="1:13" s="10" customFormat="1" ht="22.5">
      <c r="A30" s="10" t="s">
        <v>770</v>
      </c>
      <c r="B30" s="10" t="s">
        <v>209</v>
      </c>
      <c r="G30" s="10" t="s">
        <v>756</v>
      </c>
      <c r="H30" s="10" t="s">
        <v>69</v>
      </c>
      <c r="J30" s="10" t="s">
        <v>765</v>
      </c>
      <c r="K30" s="10" t="s">
        <v>769</v>
      </c>
      <c r="M30" s="10" t="s">
        <v>227</v>
      </c>
    </row>
    <row r="31" spans="1:13" s="10" customFormat="1" ht="85.5" customHeight="1">
      <c r="A31" s="10" t="s">
        <v>770</v>
      </c>
      <c r="B31" s="10" t="s">
        <v>209</v>
      </c>
      <c r="G31" s="10" t="s">
        <v>218</v>
      </c>
      <c r="H31" s="10" t="s">
        <v>69</v>
      </c>
      <c r="J31" s="14" t="s">
        <v>1479</v>
      </c>
      <c r="M31" s="10" t="s">
        <v>227</v>
      </c>
    </row>
    <row r="32" spans="1:13" s="10" customFormat="1" ht="22.5">
      <c r="A32" s="10" t="s">
        <v>770</v>
      </c>
      <c r="B32" s="10" t="s">
        <v>209</v>
      </c>
      <c r="G32" s="10" t="s">
        <v>1246</v>
      </c>
      <c r="J32" s="10" t="s">
        <v>1247</v>
      </c>
      <c r="K32" s="10" t="s">
        <v>1248</v>
      </c>
      <c r="L32" s="10" t="s">
        <v>1249</v>
      </c>
      <c r="M32" s="10" t="s">
        <v>228</v>
      </c>
    </row>
    <row r="33" spans="1:16" s="10" customFormat="1" ht="22.5">
      <c r="A33" s="10" t="s">
        <v>770</v>
      </c>
      <c r="B33" s="10" t="s">
        <v>209</v>
      </c>
      <c r="G33" s="10" t="s">
        <v>1250</v>
      </c>
      <c r="J33" s="10" t="s">
        <v>1251</v>
      </c>
      <c r="K33" s="10" t="s">
        <v>1252</v>
      </c>
      <c r="L33" s="10" t="s">
        <v>1253</v>
      </c>
      <c r="M33" s="10" t="s">
        <v>228</v>
      </c>
    </row>
    <row r="34" spans="1:16" s="10" customFormat="1" ht="93" customHeight="1">
      <c r="A34" s="10" t="s">
        <v>770</v>
      </c>
      <c r="B34" s="10" t="s">
        <v>209</v>
      </c>
      <c r="G34" s="10" t="s">
        <v>1254</v>
      </c>
      <c r="J34" s="10" t="s">
        <v>1255</v>
      </c>
      <c r="K34" s="10" t="s">
        <v>1256</v>
      </c>
      <c r="M34" s="10" t="s">
        <v>228</v>
      </c>
      <c r="P34" s="10" t="s">
        <v>1425</v>
      </c>
    </row>
    <row r="35" spans="1:16" s="10" customFormat="1" ht="22.5">
      <c r="A35" s="10" t="s">
        <v>770</v>
      </c>
      <c r="B35" s="10" t="s">
        <v>209</v>
      </c>
      <c r="G35" s="10" t="s">
        <v>1257</v>
      </c>
      <c r="J35" s="10" t="s">
        <v>1258</v>
      </c>
      <c r="K35" s="10" t="s">
        <v>1256</v>
      </c>
      <c r="M35" s="10" t="s">
        <v>228</v>
      </c>
    </row>
    <row r="36" spans="1:16" s="10" customFormat="1" ht="22.5">
      <c r="A36" s="14" t="s">
        <v>770</v>
      </c>
      <c r="B36" s="14" t="s">
        <v>209</v>
      </c>
      <c r="C36" s="14"/>
      <c r="D36" s="14"/>
      <c r="E36" s="14"/>
      <c r="F36" s="14"/>
      <c r="G36" s="14" t="s">
        <v>1272</v>
      </c>
      <c r="H36" s="14" t="s">
        <v>69</v>
      </c>
      <c r="I36" s="14"/>
      <c r="J36" s="14" t="s">
        <v>1273</v>
      </c>
      <c r="K36" s="14" t="s">
        <v>1480</v>
      </c>
      <c r="L36" s="14"/>
      <c r="M36" s="14"/>
      <c r="N36" s="14"/>
      <c r="O36" s="14"/>
      <c r="P36" s="14"/>
    </row>
    <row r="37" spans="1:16" s="10" customFormat="1" ht="22.5">
      <c r="A37" s="14" t="s">
        <v>770</v>
      </c>
      <c r="B37" s="14" t="s">
        <v>209</v>
      </c>
      <c r="C37" s="14"/>
      <c r="D37" s="14"/>
      <c r="E37" s="14"/>
      <c r="F37" s="14"/>
      <c r="G37" s="14" t="s">
        <v>1274</v>
      </c>
      <c r="H37" s="14" t="s">
        <v>69</v>
      </c>
      <c r="I37" s="14"/>
      <c r="J37" s="14" t="s">
        <v>1273</v>
      </c>
      <c r="K37" s="14" t="s">
        <v>1480</v>
      </c>
      <c r="L37" s="14"/>
      <c r="M37" s="14"/>
      <c r="N37" s="14"/>
      <c r="O37" s="14"/>
      <c r="P37" s="14"/>
    </row>
    <row r="38" spans="1:16" s="10" customFormat="1" ht="98.25" customHeight="1">
      <c r="A38" s="10" t="s">
        <v>770</v>
      </c>
      <c r="B38" s="10" t="s">
        <v>209</v>
      </c>
      <c r="G38" s="10" t="s">
        <v>757</v>
      </c>
      <c r="H38" s="10" t="s">
        <v>69</v>
      </c>
      <c r="J38" s="10" t="s">
        <v>1481</v>
      </c>
      <c r="K38" s="10" t="s">
        <v>1482</v>
      </c>
      <c r="M38" s="10" t="s">
        <v>227</v>
      </c>
      <c r="P38" s="10" t="s">
        <v>1483</v>
      </c>
    </row>
    <row r="39" spans="1:16" s="10" customFormat="1" ht="22.5">
      <c r="A39" s="10" t="s">
        <v>770</v>
      </c>
      <c r="B39" s="10" t="s">
        <v>209</v>
      </c>
      <c r="G39" s="10" t="s">
        <v>219</v>
      </c>
      <c r="H39" s="10" t="s">
        <v>69</v>
      </c>
      <c r="J39" s="10" t="s">
        <v>1259</v>
      </c>
      <c r="K39" s="10" t="s">
        <v>1484</v>
      </c>
      <c r="M39" s="10" t="s">
        <v>204</v>
      </c>
    </row>
    <row r="40" spans="1:16" s="10" customFormat="1" ht="33.75">
      <c r="A40" s="10" t="s">
        <v>770</v>
      </c>
      <c r="B40" s="10" t="s">
        <v>209</v>
      </c>
      <c r="G40" s="10" t="s">
        <v>220</v>
      </c>
      <c r="H40" s="10" t="s">
        <v>69</v>
      </c>
      <c r="J40" s="10" t="s">
        <v>766</v>
      </c>
      <c r="K40" s="10" t="s">
        <v>1260</v>
      </c>
      <c r="M40" s="10" t="s">
        <v>228</v>
      </c>
    </row>
    <row r="41" spans="1:16" s="10" customFormat="1" ht="22.5">
      <c r="A41" s="10" t="s">
        <v>770</v>
      </c>
      <c r="B41" s="10" t="s">
        <v>209</v>
      </c>
      <c r="G41" s="10" t="s">
        <v>758</v>
      </c>
      <c r="H41" s="10" t="s">
        <v>69</v>
      </c>
      <c r="J41" s="10" t="s">
        <v>767</v>
      </c>
      <c r="K41" s="10" t="s">
        <v>1261</v>
      </c>
      <c r="M41" s="10" t="s">
        <v>204</v>
      </c>
    </row>
    <row r="42" spans="1:16" s="10" customFormat="1" ht="22.5">
      <c r="A42" s="10" t="s">
        <v>770</v>
      </c>
      <c r="B42" s="10" t="s">
        <v>209</v>
      </c>
      <c r="G42" s="10" t="s">
        <v>759</v>
      </c>
      <c r="H42" s="10" t="s">
        <v>69</v>
      </c>
      <c r="J42" s="10" t="s">
        <v>768</v>
      </c>
      <c r="K42" s="10" t="s">
        <v>147</v>
      </c>
      <c r="M42" s="10" t="s">
        <v>204</v>
      </c>
    </row>
    <row r="43" spans="1:16" s="10" customFormat="1" ht="22.5">
      <c r="A43" s="10" t="s">
        <v>770</v>
      </c>
      <c r="B43" s="10" t="s">
        <v>209</v>
      </c>
      <c r="G43" s="21" t="s">
        <v>1047</v>
      </c>
      <c r="J43" s="10" t="s">
        <v>1048</v>
      </c>
      <c r="K43" s="10" t="s">
        <v>1485</v>
      </c>
      <c r="M43" s="10" t="s">
        <v>228</v>
      </c>
    </row>
    <row r="44" spans="1:16" s="10" customFormat="1" ht="22.5">
      <c r="A44" s="10" t="s">
        <v>770</v>
      </c>
      <c r="B44" s="10" t="s">
        <v>209</v>
      </c>
      <c r="G44" s="22" t="s">
        <v>1049</v>
      </c>
      <c r="J44" s="10" t="s">
        <v>1050</v>
      </c>
      <c r="K44" s="10" t="s">
        <v>1485</v>
      </c>
      <c r="M44" s="10" t="s">
        <v>228</v>
      </c>
    </row>
    <row r="45" spans="1:16" s="10" customFormat="1" ht="30" customHeight="1"/>
  </sheetData>
  <autoFilter ref="A1:P1"/>
  <phoneticPr fontId="10"/>
  <conditionalFormatting sqref="M1">
    <cfRule type="expression" dxfId="190" priority="48">
      <formula>#REF!="Capability"</formula>
    </cfRule>
  </conditionalFormatting>
  <pageMargins left="0.7" right="0.7" top="0.75" bottom="0.75" header="0.3" footer="0.3"/>
  <pageSetup orientation="portrait" r:id="rId1"/>
  <legacyDrawing r:id="rId2"/>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4"/>
  <sheetViews>
    <sheetView zoomScale="90" zoomScaleNormal="90" workbookViewId="0">
      <pane xSplit="7" ySplit="1" topLeftCell="H2" activePane="bottomRight" state="frozen"/>
      <selection pane="topRight" activeCell="G1" sqref="G1"/>
      <selection pane="bottomLeft" activeCell="A2" sqref="A2"/>
      <selection pane="bottomRight" activeCell="F2" sqref="F2"/>
    </sheetView>
  </sheetViews>
  <sheetFormatPr defaultColWidth="13.125" defaultRowHeight="30" customHeight="1"/>
  <cols>
    <col min="1" max="1" width="10.125" style="7" customWidth="1"/>
    <col min="2" max="2" width="15.625" style="7" customWidth="1"/>
    <col min="3" max="3" width="10.125" style="7" customWidth="1"/>
    <col min="4" max="4" width="8" style="7" customWidth="1"/>
    <col min="5" max="5" width="9.375" style="7" customWidth="1"/>
    <col min="6" max="6" width="10.625" style="7" customWidth="1"/>
    <col min="7" max="7" width="24.125" style="7" customWidth="1"/>
    <col min="8" max="8" width="8.375" style="7" customWidth="1"/>
    <col min="9" max="9" width="15.375" style="7" customWidth="1"/>
    <col min="10" max="10" width="53.125" style="7" customWidth="1"/>
    <col min="11" max="11" width="25.375" style="7" customWidth="1"/>
    <col min="12" max="12" width="12" style="7" customWidth="1"/>
    <col min="13" max="14" width="11.375" style="7" customWidth="1"/>
    <col min="15" max="15" width="13.125" style="7"/>
    <col min="16" max="16" width="76.125" style="7" customWidth="1"/>
    <col min="17" max="16384" width="13.125" style="7"/>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3" customFormat="1" ht="123.75">
      <c r="A2" s="13" t="s">
        <v>962</v>
      </c>
      <c r="B2" s="13" t="s">
        <v>724</v>
      </c>
      <c r="C2" s="13" t="s">
        <v>725</v>
      </c>
      <c r="D2" s="10" t="s">
        <v>726</v>
      </c>
      <c r="E2" s="10" t="s">
        <v>727</v>
      </c>
      <c r="F2" s="6"/>
      <c r="G2" s="13" t="s">
        <v>728</v>
      </c>
      <c r="H2" s="13" t="s">
        <v>69</v>
      </c>
      <c r="I2" s="13" t="s">
        <v>728</v>
      </c>
      <c r="J2" s="13" t="s">
        <v>899</v>
      </c>
      <c r="K2" s="13" t="s">
        <v>729</v>
      </c>
      <c r="L2" s="13" t="s">
        <v>193</v>
      </c>
      <c r="M2" s="13" t="s">
        <v>730</v>
      </c>
      <c r="N2" s="8" t="s">
        <v>12</v>
      </c>
      <c r="O2" s="9" t="s">
        <v>13</v>
      </c>
      <c r="P2" s="10" t="s">
        <v>731</v>
      </c>
    </row>
    <row r="3" spans="1:16" s="10" customFormat="1" ht="112.5">
      <c r="A3" s="10" t="s">
        <v>962</v>
      </c>
      <c r="B3" s="10" t="s">
        <v>1200</v>
      </c>
      <c r="C3" s="10" t="s">
        <v>1201</v>
      </c>
      <c r="D3" s="10" t="s">
        <v>1202</v>
      </c>
      <c r="E3" s="10" t="s">
        <v>1203</v>
      </c>
      <c r="G3" s="10" t="s">
        <v>1204</v>
      </c>
      <c r="H3" s="10" t="s">
        <v>117</v>
      </c>
      <c r="I3" s="10" t="s">
        <v>1205</v>
      </c>
      <c r="J3" s="10" t="s">
        <v>1447</v>
      </c>
      <c r="K3" s="10" t="s">
        <v>1206</v>
      </c>
      <c r="L3" s="10" t="s">
        <v>1207</v>
      </c>
      <c r="M3" s="10" t="s">
        <v>1208</v>
      </c>
      <c r="N3" s="10" t="s">
        <v>1209</v>
      </c>
      <c r="O3" s="10" t="s">
        <v>888</v>
      </c>
      <c r="P3" s="10" t="s">
        <v>1236</v>
      </c>
    </row>
    <row r="4" spans="1:16" s="10" customFormat="1" ht="144.75" customHeight="1">
      <c r="A4" s="10" t="s">
        <v>962</v>
      </c>
      <c r="B4" s="10" t="s">
        <v>1524</v>
      </c>
      <c r="C4" s="10" t="s">
        <v>881</v>
      </c>
      <c r="D4" s="10" t="s">
        <v>1525</v>
      </c>
      <c r="E4" s="10" t="s">
        <v>1526</v>
      </c>
      <c r="G4" s="10" t="s">
        <v>1527</v>
      </c>
      <c r="I4" s="10" t="s">
        <v>1527</v>
      </c>
      <c r="J4" s="10" t="s">
        <v>1528</v>
      </c>
      <c r="K4" s="10" t="s">
        <v>1261</v>
      </c>
      <c r="L4" s="10" t="s">
        <v>1207</v>
      </c>
      <c r="M4" s="10" t="s">
        <v>1529</v>
      </c>
      <c r="N4" s="10" t="s">
        <v>127</v>
      </c>
      <c r="O4" s="10" t="s">
        <v>888</v>
      </c>
      <c r="P4" s="10" t="s">
        <v>1530</v>
      </c>
    </row>
  </sheetData>
  <autoFilter ref="A1:P2"/>
  <phoneticPr fontId="10"/>
  <conditionalFormatting sqref="M1">
    <cfRule type="expression" dxfId="2" priority="48">
      <formula>#REF!="Capability"</formula>
    </cfRule>
  </conditionalFormatting>
  <pageMargins left="0.7" right="0.7" top="0.75" bottom="0.75" header="0.3" footer="0.3"/>
  <pageSetup orientation="portrait" r:id="rId1"/>
  <legacyDrawing r:id="rId2"/>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10"/>
  <sheetViews>
    <sheetView zoomScale="130" zoomScaleNormal="130" workbookViewId="0">
      <pane xSplit="7" ySplit="1" topLeftCell="H10" activePane="bottomRight" state="frozen"/>
      <selection pane="topRight" activeCell="G1" sqref="G1"/>
      <selection pane="bottomLeft" activeCell="A2" sqref="A2"/>
      <selection pane="bottomRight" activeCell="E15" sqref="E15"/>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30.75" style="13" customWidth="1"/>
    <col min="6" max="6" width="27.625" style="13" customWidth="1"/>
    <col min="7" max="7" width="24.125"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ht="72" customHeight="1">
      <c r="A2" s="13" t="s">
        <v>961</v>
      </c>
      <c r="B2" s="10" t="s">
        <v>695</v>
      </c>
      <c r="C2" s="10" t="s">
        <v>177</v>
      </c>
      <c r="D2" s="10" t="s">
        <v>696</v>
      </c>
      <c r="E2" s="81" t="s">
        <v>2347</v>
      </c>
      <c r="F2" s="83" t="s">
        <v>2345</v>
      </c>
      <c r="G2" s="10" t="s">
        <v>697</v>
      </c>
      <c r="H2" s="10" t="s">
        <v>69</v>
      </c>
      <c r="I2" s="10" t="s">
        <v>697</v>
      </c>
      <c r="J2" s="10" t="s">
        <v>698</v>
      </c>
      <c r="K2" s="10" t="s">
        <v>1531</v>
      </c>
      <c r="L2" s="10" t="s">
        <v>193</v>
      </c>
      <c r="M2" s="10" t="s">
        <v>699</v>
      </c>
      <c r="N2" s="10" t="s">
        <v>12</v>
      </c>
      <c r="O2" s="5" t="s">
        <v>13</v>
      </c>
      <c r="P2" s="10" t="s">
        <v>1532</v>
      </c>
    </row>
    <row r="3" spans="1:16" ht="59.25" customHeight="1">
      <c r="A3" s="13" t="s">
        <v>961</v>
      </c>
      <c r="B3" s="10" t="s">
        <v>695</v>
      </c>
      <c r="C3" s="10" t="s">
        <v>700</v>
      </c>
      <c r="D3" s="10" t="s">
        <v>701</v>
      </c>
      <c r="E3" s="80" t="s">
        <v>2346</v>
      </c>
      <c r="F3" s="83" t="s">
        <v>2345</v>
      </c>
      <c r="G3" s="10" t="s">
        <v>702</v>
      </c>
      <c r="H3" s="10" t="s">
        <v>69</v>
      </c>
      <c r="I3" s="10" t="s">
        <v>702</v>
      </c>
      <c r="J3" s="10" t="s">
        <v>703</v>
      </c>
      <c r="K3" s="10" t="s">
        <v>1531</v>
      </c>
      <c r="L3" s="10" t="s">
        <v>193</v>
      </c>
      <c r="M3" s="10" t="s">
        <v>704</v>
      </c>
      <c r="N3" s="10" t="s">
        <v>12</v>
      </c>
      <c r="O3" s="5" t="s">
        <v>13</v>
      </c>
      <c r="P3" s="10" t="s">
        <v>705</v>
      </c>
    </row>
    <row r="4" spans="1:16" ht="86.25" customHeight="1">
      <c r="A4" s="13" t="s">
        <v>961</v>
      </c>
      <c r="B4" s="10" t="s">
        <v>706</v>
      </c>
      <c r="C4" s="10" t="s">
        <v>177</v>
      </c>
      <c r="D4" s="10" t="s">
        <v>707</v>
      </c>
      <c r="E4" s="80" t="s">
        <v>1541</v>
      </c>
      <c r="F4" s="80" t="s">
        <v>1533</v>
      </c>
      <c r="G4" s="10" t="s">
        <v>1533</v>
      </c>
      <c r="H4" s="10" t="s">
        <v>69</v>
      </c>
      <c r="I4" s="10" t="s">
        <v>1533</v>
      </c>
      <c r="J4" s="10" t="s">
        <v>708</v>
      </c>
      <c r="K4" s="10" t="s">
        <v>709</v>
      </c>
      <c r="L4" s="10" t="s">
        <v>193</v>
      </c>
      <c r="M4" s="10" t="s">
        <v>710</v>
      </c>
      <c r="N4" s="10" t="s">
        <v>12</v>
      </c>
      <c r="O4" s="5">
        <v>38.331000000000003</v>
      </c>
      <c r="P4" s="10" t="s">
        <v>711</v>
      </c>
    </row>
    <row r="5" spans="1:16" ht="162" customHeight="1">
      <c r="A5" s="13" t="s">
        <v>961</v>
      </c>
      <c r="B5" s="10" t="s">
        <v>706</v>
      </c>
      <c r="C5" s="10" t="s">
        <v>177</v>
      </c>
      <c r="D5" s="10" t="s">
        <v>707</v>
      </c>
      <c r="E5" s="80" t="s">
        <v>2344</v>
      </c>
      <c r="F5" s="80" t="s">
        <v>2343</v>
      </c>
      <c r="G5" s="10" t="s">
        <v>1534</v>
      </c>
      <c r="H5" s="10" t="s">
        <v>69</v>
      </c>
      <c r="I5" s="10" t="s">
        <v>1534</v>
      </c>
      <c r="J5" s="10" t="s">
        <v>712</v>
      </c>
      <c r="K5" s="10" t="s">
        <v>1535</v>
      </c>
      <c r="L5" s="10" t="s">
        <v>193</v>
      </c>
      <c r="M5" s="11"/>
      <c r="N5" s="10" t="s">
        <v>12</v>
      </c>
      <c r="O5" s="5" t="s">
        <v>13</v>
      </c>
      <c r="P5" s="5" t="s">
        <v>1536</v>
      </c>
    </row>
    <row r="6" spans="1:16" ht="162.75" customHeight="1">
      <c r="A6" s="13" t="s">
        <v>961</v>
      </c>
      <c r="B6" s="10" t="s">
        <v>706</v>
      </c>
      <c r="C6" s="10" t="s">
        <v>177</v>
      </c>
      <c r="D6" s="10" t="s">
        <v>707</v>
      </c>
      <c r="E6" s="82" t="s">
        <v>416</v>
      </c>
      <c r="F6" s="80" t="s">
        <v>1537</v>
      </c>
      <c r="G6" s="10" t="s">
        <v>1537</v>
      </c>
      <c r="H6" s="10" t="s">
        <v>69</v>
      </c>
      <c r="I6" s="10" t="s">
        <v>1537</v>
      </c>
      <c r="J6" s="10" t="s">
        <v>1538</v>
      </c>
      <c r="K6" s="10" t="s">
        <v>1539</v>
      </c>
      <c r="L6" s="10" t="s">
        <v>193</v>
      </c>
      <c r="M6" s="11"/>
      <c r="N6" s="10" t="s">
        <v>12</v>
      </c>
      <c r="O6" s="5" t="s">
        <v>13</v>
      </c>
      <c r="P6" s="5" t="s">
        <v>1536</v>
      </c>
    </row>
    <row r="7" spans="1:16" ht="115.5" customHeight="1">
      <c r="A7" s="13" t="s">
        <v>961</v>
      </c>
      <c r="B7" s="10" t="s">
        <v>706</v>
      </c>
      <c r="C7" s="10" t="s">
        <v>177</v>
      </c>
      <c r="D7" s="10" t="s">
        <v>696</v>
      </c>
      <c r="E7" s="80" t="s">
        <v>443</v>
      </c>
      <c r="F7" s="80" t="s">
        <v>2342</v>
      </c>
      <c r="G7" s="10" t="s">
        <v>713</v>
      </c>
      <c r="H7" s="10" t="s">
        <v>69</v>
      </c>
      <c r="I7" s="10" t="s">
        <v>713</v>
      </c>
      <c r="J7" s="10" t="s">
        <v>714</v>
      </c>
      <c r="K7" s="10" t="s">
        <v>715</v>
      </c>
      <c r="L7" s="10" t="s">
        <v>193</v>
      </c>
      <c r="M7" s="10" t="s">
        <v>716</v>
      </c>
      <c r="N7" s="10" t="s">
        <v>12</v>
      </c>
      <c r="O7" s="5" t="s">
        <v>13</v>
      </c>
      <c r="P7" s="5" t="s">
        <v>717</v>
      </c>
    </row>
    <row r="8" spans="1:16" ht="125.25" customHeight="1">
      <c r="A8" s="13" t="s">
        <v>961</v>
      </c>
      <c r="B8" s="10" t="s">
        <v>706</v>
      </c>
      <c r="C8" s="10" t="s">
        <v>177</v>
      </c>
      <c r="D8" s="10" t="s">
        <v>696</v>
      </c>
      <c r="E8" s="80" t="s">
        <v>2341</v>
      </c>
      <c r="F8" s="80" t="s">
        <v>2340</v>
      </c>
      <c r="G8" s="10" t="s">
        <v>718</v>
      </c>
      <c r="H8" s="10" t="s">
        <v>69</v>
      </c>
      <c r="I8" s="10" t="s">
        <v>718</v>
      </c>
      <c r="J8" s="10" t="s">
        <v>719</v>
      </c>
      <c r="K8" s="10" t="s">
        <v>720</v>
      </c>
      <c r="L8" s="10" t="s">
        <v>193</v>
      </c>
      <c r="M8" s="10" t="s">
        <v>716</v>
      </c>
      <c r="N8" s="10" t="s">
        <v>12</v>
      </c>
      <c r="O8" s="5" t="s">
        <v>13</v>
      </c>
      <c r="P8" s="5" t="s">
        <v>717</v>
      </c>
    </row>
    <row r="9" spans="1:16" ht="125.25" customHeight="1">
      <c r="A9" s="13" t="s">
        <v>961</v>
      </c>
      <c r="B9" s="10" t="s">
        <v>706</v>
      </c>
      <c r="C9" s="10" t="s">
        <v>177</v>
      </c>
      <c r="D9" s="10" t="s">
        <v>696</v>
      </c>
      <c r="E9" s="80" t="s">
        <v>2339</v>
      </c>
      <c r="F9" s="80" t="s">
        <v>2338</v>
      </c>
      <c r="G9" s="10" t="s">
        <v>721</v>
      </c>
      <c r="H9" s="10" t="s">
        <v>69</v>
      </c>
      <c r="I9" s="10" t="s">
        <v>721</v>
      </c>
      <c r="J9" s="10" t="s">
        <v>722</v>
      </c>
      <c r="K9" s="10" t="s">
        <v>898</v>
      </c>
      <c r="L9" s="10" t="s">
        <v>193</v>
      </c>
      <c r="M9" s="10" t="s">
        <v>716</v>
      </c>
      <c r="N9" s="10" t="s">
        <v>12</v>
      </c>
      <c r="O9" s="5" t="s">
        <v>13</v>
      </c>
      <c r="P9" s="5" t="s">
        <v>723</v>
      </c>
    </row>
    <row r="10" spans="1:16" s="10" customFormat="1" ht="123" customHeight="1">
      <c r="A10" s="10" t="s">
        <v>961</v>
      </c>
      <c r="B10" s="10" t="s">
        <v>706</v>
      </c>
      <c r="C10" s="10" t="s">
        <v>176</v>
      </c>
      <c r="D10" s="10" t="s">
        <v>1540</v>
      </c>
      <c r="E10" s="81" t="s">
        <v>1541</v>
      </c>
      <c r="F10" s="80" t="s">
        <v>2337</v>
      </c>
      <c r="G10" s="10" t="s">
        <v>1542</v>
      </c>
      <c r="H10" s="10" t="s">
        <v>69</v>
      </c>
      <c r="I10" s="10" t="s">
        <v>1542</v>
      </c>
      <c r="J10" s="10" t="s">
        <v>1543</v>
      </c>
      <c r="K10" s="10" t="s">
        <v>1544</v>
      </c>
      <c r="L10" s="10" t="s">
        <v>193</v>
      </c>
      <c r="M10" s="10" t="s">
        <v>710</v>
      </c>
      <c r="N10" s="10" t="s">
        <v>12</v>
      </c>
      <c r="O10" s="10" t="s">
        <v>13</v>
      </c>
      <c r="P10" s="10" t="s">
        <v>1545</v>
      </c>
    </row>
  </sheetData>
  <autoFilter ref="A1:P1"/>
  <phoneticPr fontId="13" type="noConversion"/>
  <conditionalFormatting sqref="M1">
    <cfRule type="expression" dxfId="1" priority="1">
      <formula>#REF!="Capability"</formula>
    </cfRule>
  </conditionalFormatting>
  <pageMargins left="0.7" right="0.7" top="0.75" bottom="0.75" header="0.3" footer="0.3"/>
  <pageSetup orientation="portrait" r:id="rId1"/>
  <legacy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4"/>
  <sheetViews>
    <sheetView zoomScale="80" zoomScaleNormal="80" workbookViewId="0">
      <pane xSplit="7" ySplit="1" topLeftCell="J2" activePane="bottomRight" state="frozen"/>
      <selection pane="topRight" activeCell="G1" sqref="G1"/>
      <selection pane="bottomLeft" activeCell="A2" sqref="A2"/>
      <selection pane="bottomRight" activeCell="G8" sqref="G8"/>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9.375" style="13" customWidth="1"/>
    <col min="6" max="6" width="10.625" style="13" customWidth="1"/>
    <col min="7" max="7" width="24.125"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69.75" customHeight="1">
      <c r="A2" s="10" t="s">
        <v>1508</v>
      </c>
      <c r="B2" s="10" t="s">
        <v>1509</v>
      </c>
      <c r="C2" s="10" t="s">
        <v>177</v>
      </c>
      <c r="D2" s="10" t="s">
        <v>1510</v>
      </c>
      <c r="G2" s="10" t="s">
        <v>2091</v>
      </c>
      <c r="H2" s="10" t="s">
        <v>15</v>
      </c>
      <c r="J2" s="53" t="s">
        <v>1513</v>
      </c>
      <c r="K2" s="10" t="s">
        <v>1514</v>
      </c>
      <c r="M2" s="10" t="s">
        <v>267</v>
      </c>
      <c r="N2" s="10" t="s">
        <v>127</v>
      </c>
      <c r="O2" s="10" t="s">
        <v>13</v>
      </c>
      <c r="P2" s="10" t="s">
        <v>1511</v>
      </c>
    </row>
    <row r="3" spans="1:16" s="10" customFormat="1" ht="69.75" customHeight="1">
      <c r="A3" s="10" t="s">
        <v>1508</v>
      </c>
      <c r="B3" s="10" t="s">
        <v>1509</v>
      </c>
      <c r="C3" s="10" t="s">
        <v>177</v>
      </c>
      <c r="D3" s="10" t="s">
        <v>1510</v>
      </c>
      <c r="G3" s="10" t="s">
        <v>2092</v>
      </c>
      <c r="H3" s="10" t="s">
        <v>15</v>
      </c>
      <c r="I3" s="37"/>
      <c r="J3" s="53" t="s">
        <v>1649</v>
      </c>
      <c r="K3" s="8" t="s">
        <v>1512</v>
      </c>
      <c r="M3" s="10" t="s">
        <v>1515</v>
      </c>
      <c r="N3" s="10" t="s">
        <v>127</v>
      </c>
      <c r="O3" s="10" t="s">
        <v>13</v>
      </c>
      <c r="P3" s="10" t="s">
        <v>1511</v>
      </c>
    </row>
    <row r="4" spans="1:16" s="10" customFormat="1" ht="69.75" customHeight="1">
      <c r="A4" s="10" t="s">
        <v>1508</v>
      </c>
      <c r="B4" s="10" t="s">
        <v>1509</v>
      </c>
      <c r="C4" s="10" t="s">
        <v>177</v>
      </c>
      <c r="D4" s="10" t="s">
        <v>1510</v>
      </c>
      <c r="G4" s="10" t="s">
        <v>2093</v>
      </c>
      <c r="H4" s="10" t="s">
        <v>15</v>
      </c>
      <c r="J4" s="53" t="s">
        <v>1649</v>
      </c>
      <c r="K4" s="8" t="s">
        <v>1512</v>
      </c>
      <c r="M4" s="10" t="s">
        <v>1515</v>
      </c>
      <c r="N4" s="10" t="s">
        <v>127</v>
      </c>
      <c r="O4" s="10" t="s">
        <v>13</v>
      </c>
      <c r="P4" s="10" t="s">
        <v>1511</v>
      </c>
    </row>
  </sheetData>
  <autoFilter ref="A1:P1"/>
  <phoneticPr fontId="13" type="noConversion"/>
  <conditionalFormatting sqref="M1">
    <cfRule type="expression" dxfId="0" priority="1">
      <formula>#REF!="Capability"</formula>
    </cfRule>
  </conditionalFormatting>
  <pageMargins left="0.7" right="0.7" top="0.75" bottom="0.75" header="0.3" footer="0.3"/>
  <pageSetup orientation="portrait" r:id="rId1"/>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77"/>
  <sheetViews>
    <sheetView zoomScale="80" zoomScaleNormal="80" workbookViewId="0">
      <pane xSplit="7" ySplit="1" topLeftCell="H15" activePane="bottomRight" state="frozen"/>
      <selection pane="topRight" activeCell="G1" sqref="G1"/>
      <selection pane="bottomLeft" activeCell="A2" sqref="A2"/>
      <selection pane="bottomRight" activeCell="I22" sqref="I22"/>
    </sheetView>
  </sheetViews>
  <sheetFormatPr defaultColWidth="13.125" defaultRowHeight="30" customHeight="1"/>
  <cols>
    <col min="1" max="1" width="10.125" style="7" customWidth="1"/>
    <col min="2" max="2" width="15.625" style="7" customWidth="1"/>
    <col min="3" max="3" width="10.125" style="7" customWidth="1"/>
    <col min="4" max="4" width="8" style="7" customWidth="1"/>
    <col min="5" max="5" width="9.375" style="7" customWidth="1"/>
    <col min="6" max="6" width="10.625" style="7" customWidth="1"/>
    <col min="7" max="7" width="24.125" style="7" customWidth="1"/>
    <col min="8" max="8" width="8.375" style="7" customWidth="1"/>
    <col min="9" max="9" width="15.375" style="7" customWidth="1"/>
    <col min="10" max="10" width="53.125" style="7" customWidth="1"/>
    <col min="11" max="11" width="25.375" style="7" customWidth="1"/>
    <col min="12" max="12" width="12" style="7" customWidth="1"/>
    <col min="13" max="14" width="11.375" style="7" customWidth="1"/>
    <col min="15" max="15" width="13.125" style="7"/>
    <col min="16" max="16" width="76.125" style="7" customWidth="1"/>
    <col min="17" max="16384" width="13.125" style="7"/>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183.75" customHeight="1">
      <c r="A2" s="10" t="s">
        <v>771</v>
      </c>
      <c r="B2" s="10" t="s">
        <v>287</v>
      </c>
      <c r="G2" s="10" t="s">
        <v>283</v>
      </c>
      <c r="H2" s="10" t="s">
        <v>285</v>
      </c>
      <c r="J2" s="10" t="s">
        <v>1710</v>
      </c>
      <c r="K2" s="10" t="s">
        <v>284</v>
      </c>
      <c r="M2" s="10" t="s">
        <v>29</v>
      </c>
      <c r="N2" s="10" t="s">
        <v>286</v>
      </c>
      <c r="P2" s="50" t="s">
        <v>2024</v>
      </c>
    </row>
    <row r="3" spans="1:16" s="10" customFormat="1" ht="211.5" customHeight="1">
      <c r="A3" s="10" t="s">
        <v>771</v>
      </c>
      <c r="B3" s="10" t="s">
        <v>1418</v>
      </c>
      <c r="G3" s="10" t="s">
        <v>1446</v>
      </c>
      <c r="H3" s="10" t="s">
        <v>1419</v>
      </c>
      <c r="J3" s="10" t="s">
        <v>1426</v>
      </c>
      <c r="K3" s="10" t="s">
        <v>1427</v>
      </c>
      <c r="M3" s="10" t="s">
        <v>1420</v>
      </c>
      <c r="N3" s="10" t="s">
        <v>1421</v>
      </c>
      <c r="P3" s="10" t="s">
        <v>1709</v>
      </c>
    </row>
    <row r="4" spans="1:16" s="10" customFormat="1" ht="132.75" customHeight="1">
      <c r="A4" s="10" t="s">
        <v>771</v>
      </c>
      <c r="B4" s="10" t="s">
        <v>287</v>
      </c>
      <c r="G4" s="10" t="s">
        <v>1383</v>
      </c>
      <c r="H4" s="10" t="s">
        <v>1384</v>
      </c>
      <c r="J4" s="10" t="s">
        <v>1351</v>
      </c>
      <c r="K4" s="10" t="s">
        <v>1385</v>
      </c>
      <c r="M4" s="10" t="s">
        <v>29</v>
      </c>
      <c r="N4" s="10" t="s">
        <v>1018</v>
      </c>
      <c r="P4" s="10" t="s">
        <v>1350</v>
      </c>
    </row>
    <row r="5" spans="1:16" s="13" customFormat="1" ht="195" customHeight="1">
      <c r="A5" s="10" t="s">
        <v>771</v>
      </c>
      <c r="B5" s="10" t="s">
        <v>288</v>
      </c>
      <c r="C5" s="10"/>
      <c r="D5" s="10"/>
      <c r="E5" s="10"/>
      <c r="F5" s="10"/>
      <c r="G5" s="10" t="s">
        <v>1714</v>
      </c>
      <c r="H5" s="10" t="s">
        <v>117</v>
      </c>
      <c r="I5" s="10"/>
      <c r="J5" s="10" t="s">
        <v>1711</v>
      </c>
      <c r="K5" s="17" t="s">
        <v>1712</v>
      </c>
      <c r="M5" s="13" t="s">
        <v>29</v>
      </c>
      <c r="N5" s="13" t="s">
        <v>127</v>
      </c>
      <c r="P5" s="10" t="s">
        <v>1713</v>
      </c>
    </row>
    <row r="6" spans="1:16" s="10" customFormat="1" ht="162" customHeight="1">
      <c r="A6" s="10" t="s">
        <v>771</v>
      </c>
      <c r="B6" s="10" t="s">
        <v>288</v>
      </c>
      <c r="G6" s="10" t="s">
        <v>301</v>
      </c>
      <c r="H6" s="10" t="s">
        <v>117</v>
      </c>
      <c r="J6" s="10" t="s">
        <v>1715</v>
      </c>
      <c r="K6" s="10" t="s">
        <v>1716</v>
      </c>
      <c r="M6" s="10" t="s">
        <v>29</v>
      </c>
      <c r="N6" s="10" t="s">
        <v>127</v>
      </c>
    </row>
    <row r="7" spans="1:16" s="10" customFormat="1" ht="42" customHeight="1">
      <c r="A7" s="10" t="s">
        <v>771</v>
      </c>
      <c r="B7" s="10" t="s">
        <v>288</v>
      </c>
      <c r="G7" s="10" t="s">
        <v>1019</v>
      </c>
      <c r="H7" s="10" t="s">
        <v>69</v>
      </c>
      <c r="J7" s="10" t="s">
        <v>1020</v>
      </c>
      <c r="K7" s="17" t="s">
        <v>1556</v>
      </c>
      <c r="M7" s="10" t="s">
        <v>29</v>
      </c>
      <c r="N7" s="10" t="s">
        <v>1021</v>
      </c>
      <c r="P7" s="10" t="s">
        <v>1288</v>
      </c>
    </row>
    <row r="8" spans="1:16" s="10" customFormat="1" ht="71.25" customHeight="1">
      <c r="A8" s="10" t="s">
        <v>771</v>
      </c>
      <c r="B8" s="10" t="s">
        <v>1262</v>
      </c>
      <c r="G8" s="10" t="s">
        <v>1404</v>
      </c>
      <c r="H8" s="10" t="s">
        <v>69</v>
      </c>
      <c r="J8" s="10" t="s">
        <v>1352</v>
      </c>
      <c r="K8" s="10" t="s">
        <v>1717</v>
      </c>
      <c r="M8" s="10" t="s">
        <v>29</v>
      </c>
      <c r="N8" s="10" t="s">
        <v>1021</v>
      </c>
      <c r="P8" s="10" t="s">
        <v>1353</v>
      </c>
    </row>
    <row r="9" spans="1:16" s="10" customFormat="1" ht="303.75" customHeight="1">
      <c r="A9" s="10" t="s">
        <v>771</v>
      </c>
      <c r="B9" s="10" t="s">
        <v>288</v>
      </c>
      <c r="G9" s="10" t="s">
        <v>302</v>
      </c>
      <c r="H9" s="10" t="s">
        <v>117</v>
      </c>
      <c r="J9" s="10" t="s">
        <v>1718</v>
      </c>
      <c r="K9" s="10" t="s">
        <v>303</v>
      </c>
      <c r="M9" s="10" t="s">
        <v>205</v>
      </c>
      <c r="N9" s="10" t="s">
        <v>127</v>
      </c>
      <c r="P9" s="10" t="s">
        <v>304</v>
      </c>
    </row>
    <row r="10" spans="1:16" s="10" customFormat="1" ht="61.5" customHeight="1">
      <c r="A10" s="10" t="s">
        <v>771</v>
      </c>
      <c r="B10" s="10" t="s">
        <v>288</v>
      </c>
      <c r="G10" s="10" t="s">
        <v>1406</v>
      </c>
      <c r="J10" s="10" t="s">
        <v>1557</v>
      </c>
      <c r="K10" s="10" t="s">
        <v>1558</v>
      </c>
      <c r="M10" s="10" t="s">
        <v>780</v>
      </c>
      <c r="N10" s="10" t="s">
        <v>1021</v>
      </c>
      <c r="P10" s="10" t="s">
        <v>2027</v>
      </c>
    </row>
    <row r="11" spans="1:16" s="10" customFormat="1" ht="57" customHeight="1">
      <c r="A11" s="10" t="s">
        <v>771</v>
      </c>
      <c r="B11" s="10" t="s">
        <v>1262</v>
      </c>
      <c r="G11" s="10" t="s">
        <v>1405</v>
      </c>
      <c r="J11" s="10" t="s">
        <v>1486</v>
      </c>
      <c r="K11" s="10" t="s">
        <v>1263</v>
      </c>
      <c r="M11" s="10" t="s">
        <v>780</v>
      </c>
      <c r="N11" s="10" t="s">
        <v>127</v>
      </c>
      <c r="P11" s="10" t="s">
        <v>1356</v>
      </c>
    </row>
    <row r="12" spans="1:16" s="50" customFormat="1" ht="141" customHeight="1">
      <c r="A12" s="50" t="s">
        <v>771</v>
      </c>
      <c r="B12" s="50" t="s">
        <v>1262</v>
      </c>
      <c r="G12" s="50" t="s">
        <v>1703</v>
      </c>
      <c r="J12" s="50" t="s">
        <v>1704</v>
      </c>
      <c r="K12" s="50" t="s">
        <v>1705</v>
      </c>
      <c r="M12" s="50" t="s">
        <v>780</v>
      </c>
      <c r="N12" s="50" t="s">
        <v>127</v>
      </c>
      <c r="P12" s="50" t="s">
        <v>1706</v>
      </c>
    </row>
    <row r="13" spans="1:16" s="10" customFormat="1" ht="100.5" customHeight="1">
      <c r="A13" s="10" t="s">
        <v>771</v>
      </c>
      <c r="B13" s="10" t="s">
        <v>305</v>
      </c>
      <c r="G13" s="10" t="s">
        <v>306</v>
      </c>
      <c r="H13" s="10" t="s">
        <v>117</v>
      </c>
      <c r="J13" s="10" t="s">
        <v>2028</v>
      </c>
      <c r="K13" s="10" t="s">
        <v>1719</v>
      </c>
      <c r="M13" s="10" t="s">
        <v>307</v>
      </c>
      <c r="N13" s="10" t="s">
        <v>127</v>
      </c>
      <c r="P13" s="10" t="s">
        <v>1408</v>
      </c>
    </row>
    <row r="14" spans="1:16" s="10" customFormat="1" ht="152.25" customHeight="1">
      <c r="A14" s="10" t="s">
        <v>771</v>
      </c>
      <c r="B14" s="10" t="s">
        <v>305</v>
      </c>
      <c r="G14" s="10" t="s">
        <v>308</v>
      </c>
      <c r="H14" s="10" t="s">
        <v>117</v>
      </c>
      <c r="J14" s="10" t="s">
        <v>1721</v>
      </c>
      <c r="K14" s="10" t="s">
        <v>1720</v>
      </c>
      <c r="M14" s="10" t="s">
        <v>126</v>
      </c>
      <c r="N14" s="10" t="s">
        <v>127</v>
      </c>
      <c r="P14" s="10" t="s">
        <v>1409</v>
      </c>
    </row>
    <row r="15" spans="1:16" s="10" customFormat="1" ht="22.5">
      <c r="A15" s="10" t="s">
        <v>771</v>
      </c>
      <c r="B15" s="10" t="s">
        <v>305</v>
      </c>
      <c r="G15" s="10" t="s">
        <v>289</v>
      </c>
      <c r="H15" s="10" t="s">
        <v>285</v>
      </c>
      <c r="J15" s="10" t="s">
        <v>312</v>
      </c>
      <c r="K15" s="10" t="s">
        <v>1487</v>
      </c>
      <c r="M15" s="10" t="s">
        <v>126</v>
      </c>
      <c r="N15" s="10" t="s">
        <v>127</v>
      </c>
    </row>
    <row r="16" spans="1:16" s="50" customFormat="1" ht="45">
      <c r="A16" s="50" t="s">
        <v>771</v>
      </c>
      <c r="B16" s="50" t="s">
        <v>305</v>
      </c>
      <c r="G16" s="50" t="s">
        <v>1735</v>
      </c>
      <c r="H16" s="50" t="s">
        <v>117</v>
      </c>
      <c r="J16" s="50" t="s">
        <v>1734</v>
      </c>
      <c r="K16" s="50" t="s">
        <v>311</v>
      </c>
      <c r="M16" s="50" t="s">
        <v>204</v>
      </c>
      <c r="N16" s="50" t="s">
        <v>2036</v>
      </c>
      <c r="P16" s="50" t="s">
        <v>1736</v>
      </c>
    </row>
    <row r="17" spans="1:16" s="10" customFormat="1" ht="21" customHeight="1"/>
    <row r="18" spans="1:16" s="10" customFormat="1" ht="21" customHeight="1"/>
    <row r="19" spans="1:16" s="10" customFormat="1" ht="21" customHeight="1"/>
    <row r="20" spans="1:16" s="10" customFormat="1" ht="45">
      <c r="A20" s="10" t="s">
        <v>771</v>
      </c>
      <c r="B20" s="10" t="s">
        <v>305</v>
      </c>
      <c r="G20" s="10" t="s">
        <v>309</v>
      </c>
      <c r="H20" s="10" t="s">
        <v>117</v>
      </c>
      <c r="J20" s="10" t="s">
        <v>313</v>
      </c>
      <c r="K20" s="10" t="s">
        <v>1488</v>
      </c>
      <c r="M20" s="10" t="s">
        <v>204</v>
      </c>
      <c r="N20" s="10" t="s">
        <v>127</v>
      </c>
      <c r="P20" s="10" t="s">
        <v>315</v>
      </c>
    </row>
    <row r="21" spans="1:16" s="10" customFormat="1" ht="33.75">
      <c r="A21" s="10" t="s">
        <v>771</v>
      </c>
      <c r="B21" s="10" t="s">
        <v>305</v>
      </c>
      <c r="G21" s="10" t="s">
        <v>310</v>
      </c>
      <c r="H21" s="10" t="s">
        <v>117</v>
      </c>
      <c r="J21" s="10" t="s">
        <v>314</v>
      </c>
      <c r="K21" s="10" t="s">
        <v>1489</v>
      </c>
      <c r="M21" s="10" t="s">
        <v>204</v>
      </c>
      <c r="N21" s="10" t="s">
        <v>127</v>
      </c>
      <c r="P21" s="10" t="s">
        <v>315</v>
      </c>
    </row>
    <row r="22" spans="1:16" s="10" customFormat="1" ht="209.25" customHeight="1">
      <c r="A22" s="10" t="s">
        <v>771</v>
      </c>
      <c r="B22" s="10" t="s">
        <v>305</v>
      </c>
      <c r="G22" s="10" t="s">
        <v>1354</v>
      </c>
      <c r="H22" s="10" t="s">
        <v>69</v>
      </c>
      <c r="J22" s="20"/>
      <c r="K22" s="10" t="s">
        <v>311</v>
      </c>
      <c r="M22" s="50" t="s">
        <v>2063</v>
      </c>
      <c r="N22" s="10" t="s">
        <v>1021</v>
      </c>
      <c r="P22" s="10" t="s">
        <v>1490</v>
      </c>
    </row>
    <row r="23" spans="1:16" s="10" customFormat="1" ht="45">
      <c r="A23" s="10" t="s">
        <v>771</v>
      </c>
      <c r="B23" s="10" t="s">
        <v>316</v>
      </c>
      <c r="G23" s="10" t="s">
        <v>1722</v>
      </c>
      <c r="H23" s="10" t="s">
        <v>117</v>
      </c>
      <c r="J23" s="10" t="s">
        <v>1723</v>
      </c>
      <c r="K23" s="10" t="s">
        <v>324</v>
      </c>
      <c r="M23" s="10" t="s">
        <v>325</v>
      </c>
      <c r="N23" s="10" t="s">
        <v>127</v>
      </c>
    </row>
    <row r="24" spans="1:16" s="10" customFormat="1" ht="27.75" customHeight="1">
      <c r="A24" s="10" t="s">
        <v>771</v>
      </c>
      <c r="B24" s="10" t="s">
        <v>316</v>
      </c>
      <c r="G24" s="10" t="s">
        <v>317</v>
      </c>
      <c r="H24" s="10" t="s">
        <v>117</v>
      </c>
      <c r="J24" s="10" t="s">
        <v>1725</v>
      </c>
      <c r="K24" s="10" t="s">
        <v>1724</v>
      </c>
      <c r="M24" s="10" t="s">
        <v>325</v>
      </c>
      <c r="N24" s="10" t="s">
        <v>127</v>
      </c>
      <c r="P24" s="10" t="s">
        <v>1022</v>
      </c>
    </row>
    <row r="25" spans="1:16" s="10" customFormat="1" ht="32.25" customHeight="1">
      <c r="A25" s="10" t="s">
        <v>771</v>
      </c>
      <c r="B25" s="10" t="s">
        <v>316</v>
      </c>
      <c r="G25" s="10" t="s">
        <v>318</v>
      </c>
      <c r="H25" s="10" t="s">
        <v>117</v>
      </c>
      <c r="J25" s="10" t="s">
        <v>1726</v>
      </c>
      <c r="K25" s="10" t="s">
        <v>322</v>
      </c>
      <c r="M25" s="10" t="s">
        <v>325</v>
      </c>
      <c r="N25" s="10" t="s">
        <v>127</v>
      </c>
    </row>
    <row r="26" spans="1:16" s="13" customFormat="1" ht="47.25" customHeight="1">
      <c r="A26" s="13" t="s">
        <v>771</v>
      </c>
      <c r="B26" s="13" t="s">
        <v>316</v>
      </c>
      <c r="G26" s="13" t="s">
        <v>319</v>
      </c>
      <c r="H26" s="13" t="s">
        <v>117</v>
      </c>
      <c r="J26" s="10" t="s">
        <v>1728</v>
      </c>
      <c r="K26" s="10" t="s">
        <v>1727</v>
      </c>
      <c r="M26" s="13" t="s">
        <v>325</v>
      </c>
      <c r="N26" s="13" t="s">
        <v>127</v>
      </c>
    </row>
    <row r="27" spans="1:16" s="13" customFormat="1" ht="51.75" customHeight="1">
      <c r="A27" s="13" t="s">
        <v>771</v>
      </c>
      <c r="B27" s="13" t="s">
        <v>316</v>
      </c>
      <c r="G27" s="13" t="s">
        <v>320</v>
      </c>
      <c r="H27" s="13" t="s">
        <v>117</v>
      </c>
      <c r="J27" s="10" t="s">
        <v>1491</v>
      </c>
      <c r="K27" s="10" t="s">
        <v>323</v>
      </c>
      <c r="M27" s="13" t="s">
        <v>325</v>
      </c>
      <c r="N27" s="13" t="s">
        <v>127</v>
      </c>
    </row>
    <row r="28" spans="1:16" s="10" customFormat="1" ht="92.25" customHeight="1">
      <c r="A28" s="10" t="s">
        <v>771</v>
      </c>
      <c r="B28" s="10" t="s">
        <v>316</v>
      </c>
      <c r="G28" s="10" t="s">
        <v>1729</v>
      </c>
      <c r="H28" s="10" t="s">
        <v>117</v>
      </c>
      <c r="J28" s="10" t="s">
        <v>1730</v>
      </c>
      <c r="K28" s="10" t="s">
        <v>1492</v>
      </c>
      <c r="M28" s="10" t="s">
        <v>325</v>
      </c>
      <c r="N28" s="10" t="s">
        <v>340</v>
      </c>
      <c r="P28" s="10" t="s">
        <v>1369</v>
      </c>
    </row>
    <row r="29" spans="1:16" s="10" customFormat="1" ht="37.5" customHeight="1">
      <c r="A29" s="10" t="s">
        <v>771</v>
      </c>
      <c r="B29" s="10" t="s">
        <v>316</v>
      </c>
      <c r="G29" s="10" t="s">
        <v>327</v>
      </c>
      <c r="H29" s="10" t="s">
        <v>117</v>
      </c>
      <c r="J29" s="10" t="s">
        <v>326</v>
      </c>
      <c r="K29" s="10" t="s">
        <v>2029</v>
      </c>
      <c r="M29" s="10" t="s">
        <v>325</v>
      </c>
      <c r="N29" s="10" t="s">
        <v>340</v>
      </c>
      <c r="P29" s="10" t="s">
        <v>328</v>
      </c>
    </row>
    <row r="30" spans="1:16" s="10" customFormat="1" ht="48.75" customHeight="1">
      <c r="A30" s="10" t="s">
        <v>771</v>
      </c>
      <c r="B30" s="10" t="s">
        <v>316</v>
      </c>
      <c r="G30" s="10" t="s">
        <v>321</v>
      </c>
      <c r="H30" s="10" t="s">
        <v>117</v>
      </c>
      <c r="J30" s="10" t="s">
        <v>1731</v>
      </c>
      <c r="K30" s="10" t="s">
        <v>2030</v>
      </c>
      <c r="M30" s="10" t="s">
        <v>325</v>
      </c>
      <c r="N30" s="10" t="s">
        <v>340</v>
      </c>
      <c r="P30" s="10" t="s">
        <v>1023</v>
      </c>
    </row>
    <row r="31" spans="1:16" s="20" customFormat="1" ht="11.25"/>
    <row r="32" spans="1:16" s="18" customFormat="1" ht="32.25" customHeight="1">
      <c r="A32" s="10" t="s">
        <v>771</v>
      </c>
      <c r="B32" s="10" t="s">
        <v>1024</v>
      </c>
      <c r="C32" s="10"/>
      <c r="D32" s="10"/>
      <c r="E32" s="10"/>
      <c r="F32" s="10"/>
      <c r="G32" s="10" t="s">
        <v>1025</v>
      </c>
      <c r="H32" s="10" t="s">
        <v>69</v>
      </c>
      <c r="I32" s="10"/>
      <c r="J32" s="10" t="s">
        <v>1028</v>
      </c>
      <c r="K32" s="10" t="s">
        <v>1026</v>
      </c>
      <c r="L32" s="20"/>
      <c r="M32" s="10" t="s">
        <v>1388</v>
      </c>
      <c r="N32" s="10" t="s">
        <v>1021</v>
      </c>
      <c r="O32" s="10"/>
      <c r="P32" s="10" t="s">
        <v>1559</v>
      </c>
    </row>
    <row r="33" spans="1:16" s="18" customFormat="1" ht="32.25" customHeight="1">
      <c r="A33" s="10" t="s">
        <v>771</v>
      </c>
      <c r="B33" s="10" t="s">
        <v>1024</v>
      </c>
      <c r="C33" s="10"/>
      <c r="D33" s="10"/>
      <c r="E33" s="10"/>
      <c r="F33" s="10"/>
      <c r="G33" s="10" t="s">
        <v>1027</v>
      </c>
      <c r="H33" s="10" t="s">
        <v>69</v>
      </c>
      <c r="I33" s="10"/>
      <c r="J33" s="10" t="s">
        <v>1028</v>
      </c>
      <c r="K33" s="10" t="s">
        <v>1026</v>
      </c>
      <c r="L33" s="20"/>
      <c r="M33" s="10" t="s">
        <v>1388</v>
      </c>
      <c r="N33" s="10" t="s">
        <v>1021</v>
      </c>
      <c r="O33" s="10"/>
      <c r="P33" s="10" t="s">
        <v>1560</v>
      </c>
    </row>
    <row r="34" spans="1:16" s="18" customFormat="1" ht="21" customHeight="1">
      <c r="A34" s="20"/>
      <c r="B34" s="20"/>
      <c r="C34" s="20"/>
      <c r="D34" s="20"/>
      <c r="E34" s="20"/>
      <c r="F34" s="20"/>
      <c r="G34" s="20"/>
      <c r="H34" s="20"/>
      <c r="I34" s="20"/>
      <c r="J34" s="20"/>
      <c r="K34" s="20"/>
      <c r="L34" s="20"/>
      <c r="M34" s="20"/>
      <c r="N34" s="20"/>
      <c r="O34" s="20"/>
      <c r="P34" s="20"/>
    </row>
    <row r="35" spans="1:16" s="18" customFormat="1" ht="69" customHeight="1">
      <c r="A35" s="10" t="s">
        <v>771</v>
      </c>
      <c r="B35" s="10" t="s">
        <v>1024</v>
      </c>
      <c r="C35" s="10"/>
      <c r="D35" s="10"/>
      <c r="E35" s="10"/>
      <c r="F35" s="10"/>
      <c r="G35" s="10" t="s">
        <v>1396</v>
      </c>
      <c r="H35" s="10" t="s">
        <v>69</v>
      </c>
      <c r="I35" s="10"/>
      <c r="J35" s="10"/>
      <c r="K35" s="10" t="s">
        <v>1732</v>
      </c>
      <c r="L35" s="20"/>
      <c r="M35" s="10" t="s">
        <v>1388</v>
      </c>
      <c r="N35" s="10" t="s">
        <v>1021</v>
      </c>
      <c r="O35" s="10"/>
      <c r="P35" s="10" t="s">
        <v>1733</v>
      </c>
    </row>
    <row r="36" spans="1:16" s="18" customFormat="1" ht="14.25" customHeight="1">
      <c r="A36" s="20"/>
      <c r="B36" s="20"/>
      <c r="C36" s="20"/>
      <c r="D36" s="20"/>
      <c r="E36" s="20"/>
      <c r="F36" s="20"/>
      <c r="G36" s="20"/>
      <c r="H36" s="20"/>
      <c r="I36" s="20"/>
      <c r="J36" s="20"/>
      <c r="K36" s="20"/>
      <c r="L36" s="20"/>
      <c r="M36" s="20"/>
      <c r="N36" s="20"/>
      <c r="O36" s="20"/>
      <c r="P36" s="20"/>
    </row>
    <row r="37" spans="1:16" s="18" customFormat="1" ht="14.25" customHeight="1">
      <c r="A37" s="20"/>
      <c r="B37" s="20"/>
      <c r="C37" s="20"/>
      <c r="D37" s="20"/>
      <c r="E37" s="20"/>
      <c r="F37" s="20"/>
      <c r="G37" s="20"/>
      <c r="H37" s="20"/>
      <c r="I37" s="20"/>
      <c r="J37" s="20"/>
      <c r="K37" s="20"/>
      <c r="L37" s="20"/>
      <c r="M37" s="20"/>
      <c r="N37" s="20"/>
      <c r="O37" s="20"/>
      <c r="P37" s="20"/>
    </row>
    <row r="38" spans="1:16" s="18" customFormat="1" ht="14.25" customHeight="1">
      <c r="A38" s="20"/>
      <c r="B38" s="20"/>
      <c r="C38" s="20"/>
      <c r="D38" s="20"/>
      <c r="E38" s="20"/>
      <c r="F38" s="20"/>
      <c r="G38" s="20"/>
      <c r="H38" s="20"/>
      <c r="I38" s="20"/>
      <c r="J38" s="20"/>
      <c r="K38" s="20"/>
      <c r="L38" s="20"/>
      <c r="M38" s="20"/>
      <c r="N38" s="20"/>
      <c r="O38" s="20"/>
      <c r="P38" s="20"/>
    </row>
    <row r="39" spans="1:16" s="18" customFormat="1" ht="14.25" customHeight="1">
      <c r="A39" s="20"/>
      <c r="B39" s="20"/>
      <c r="C39" s="20"/>
      <c r="D39" s="20"/>
      <c r="E39" s="20"/>
      <c r="F39" s="20"/>
      <c r="G39" s="20"/>
      <c r="H39" s="20"/>
      <c r="I39" s="20"/>
      <c r="J39" s="20"/>
      <c r="K39" s="20"/>
      <c r="L39" s="20"/>
      <c r="M39" s="20"/>
      <c r="N39" s="20"/>
      <c r="O39" s="20"/>
      <c r="P39" s="20"/>
    </row>
    <row r="40" spans="1:16" s="18" customFormat="1" ht="50.25" customHeight="1">
      <c r="A40" s="10" t="s">
        <v>771</v>
      </c>
      <c r="B40" s="10" t="s">
        <v>1024</v>
      </c>
      <c r="C40" s="10"/>
      <c r="D40" s="10"/>
      <c r="E40" s="10"/>
      <c r="F40" s="10"/>
      <c r="G40" s="10" t="s">
        <v>1397</v>
      </c>
      <c r="H40" s="10" t="s">
        <v>69</v>
      </c>
      <c r="I40" s="10"/>
      <c r="J40" s="10"/>
      <c r="K40" s="10" t="s">
        <v>1737</v>
      </c>
      <c r="L40" s="20"/>
      <c r="M40" s="10" t="s">
        <v>1388</v>
      </c>
      <c r="N40" s="10" t="s">
        <v>1021</v>
      </c>
      <c r="O40" s="10"/>
      <c r="P40" s="10" t="s">
        <v>1738</v>
      </c>
    </row>
    <row r="41" spans="1:16" s="13" customFormat="1" ht="198" customHeight="1">
      <c r="A41" s="10" t="s">
        <v>771</v>
      </c>
      <c r="B41" s="10" t="s">
        <v>329</v>
      </c>
      <c r="C41" s="10"/>
      <c r="D41" s="10"/>
      <c r="E41" s="10"/>
      <c r="F41" s="10"/>
      <c r="G41" s="10" t="s">
        <v>330</v>
      </c>
      <c r="H41" s="10" t="s">
        <v>117</v>
      </c>
      <c r="I41" s="10"/>
      <c r="J41" s="10" t="s">
        <v>1739</v>
      </c>
      <c r="K41" s="10" t="s">
        <v>335</v>
      </c>
      <c r="L41" s="10"/>
      <c r="M41" s="10" t="s">
        <v>338</v>
      </c>
      <c r="N41" s="10" t="s">
        <v>340</v>
      </c>
      <c r="O41" s="10"/>
      <c r="P41" s="10"/>
    </row>
    <row r="42" spans="1:16" s="13" customFormat="1" ht="53.25" customHeight="1">
      <c r="A42" s="10" t="s">
        <v>771</v>
      </c>
      <c r="B42" s="10" t="s">
        <v>329</v>
      </c>
      <c r="C42" s="10"/>
      <c r="D42" s="10"/>
      <c r="E42" s="10"/>
      <c r="F42" s="10"/>
      <c r="G42" s="10" t="s">
        <v>331</v>
      </c>
      <c r="H42" s="10" t="s">
        <v>117</v>
      </c>
      <c r="I42" s="10"/>
      <c r="J42" s="10" t="s">
        <v>341</v>
      </c>
      <c r="K42" s="10" t="s">
        <v>1740</v>
      </c>
      <c r="L42" s="10"/>
      <c r="M42" s="10" t="s">
        <v>267</v>
      </c>
      <c r="N42" s="10" t="s">
        <v>127</v>
      </c>
      <c r="O42" s="10"/>
      <c r="P42" s="10"/>
    </row>
    <row r="43" spans="1:16" s="10" customFormat="1" ht="33.75">
      <c r="A43" s="10" t="s">
        <v>771</v>
      </c>
      <c r="B43" s="10" t="s">
        <v>329</v>
      </c>
      <c r="G43" s="10" t="s">
        <v>332</v>
      </c>
      <c r="H43" s="10" t="s">
        <v>117</v>
      </c>
      <c r="J43" s="10" t="s">
        <v>342</v>
      </c>
      <c r="K43" s="10" t="s">
        <v>1561</v>
      </c>
      <c r="M43" s="10" t="s">
        <v>267</v>
      </c>
      <c r="N43" s="10" t="s">
        <v>127</v>
      </c>
    </row>
    <row r="44" spans="1:16" s="13" customFormat="1" ht="52.5" customHeight="1">
      <c r="A44" s="13" t="s">
        <v>771</v>
      </c>
      <c r="B44" s="13" t="s">
        <v>329</v>
      </c>
      <c r="G44" s="13" t="s">
        <v>333</v>
      </c>
      <c r="H44" s="13" t="s">
        <v>117</v>
      </c>
      <c r="J44" s="13" t="s">
        <v>343</v>
      </c>
      <c r="K44" s="17" t="s">
        <v>2042</v>
      </c>
      <c r="M44" s="13" t="s">
        <v>267</v>
      </c>
      <c r="N44" s="13" t="s">
        <v>127</v>
      </c>
      <c r="P44" s="50" t="s">
        <v>2026</v>
      </c>
    </row>
    <row r="45" spans="1:16" s="10" customFormat="1" ht="22.5">
      <c r="A45" s="10" t="s">
        <v>771</v>
      </c>
      <c r="B45" s="10" t="s">
        <v>329</v>
      </c>
      <c r="G45" s="10" t="s">
        <v>334</v>
      </c>
      <c r="H45" s="10" t="s">
        <v>117</v>
      </c>
      <c r="J45" s="10" t="s">
        <v>344</v>
      </c>
      <c r="K45" s="10" t="s">
        <v>1562</v>
      </c>
      <c r="M45" s="10" t="s">
        <v>267</v>
      </c>
      <c r="N45" s="10" t="s">
        <v>127</v>
      </c>
    </row>
    <row r="46" spans="1:16" s="10" customFormat="1" ht="22.5">
      <c r="A46" s="10" t="s">
        <v>771</v>
      </c>
      <c r="B46" s="10" t="s">
        <v>329</v>
      </c>
      <c r="G46" s="10" t="s">
        <v>1563</v>
      </c>
      <c r="H46" s="10" t="s">
        <v>117</v>
      </c>
      <c r="J46" s="10" t="s">
        <v>1564</v>
      </c>
      <c r="K46" s="10" t="s">
        <v>1565</v>
      </c>
      <c r="M46" s="10" t="s">
        <v>267</v>
      </c>
      <c r="N46" s="10" t="s">
        <v>1021</v>
      </c>
      <c r="P46" s="10" t="s">
        <v>1566</v>
      </c>
    </row>
    <row r="47" spans="1:16" s="18" customFormat="1" ht="19.5" customHeight="1">
      <c r="A47" s="20"/>
      <c r="B47" s="20"/>
      <c r="C47" s="20"/>
      <c r="D47" s="20"/>
      <c r="E47" s="20"/>
      <c r="F47" s="20"/>
      <c r="G47" s="20"/>
      <c r="H47" s="20"/>
      <c r="I47" s="20"/>
      <c r="J47" s="20"/>
      <c r="K47" s="20"/>
      <c r="L47" s="20"/>
      <c r="M47" s="20"/>
      <c r="N47" s="20"/>
      <c r="O47" s="20"/>
      <c r="P47" s="20"/>
    </row>
    <row r="48" spans="1:16" s="13" customFormat="1" ht="123.75" customHeight="1">
      <c r="A48" s="10" t="s">
        <v>771</v>
      </c>
      <c r="B48" s="10" t="s">
        <v>329</v>
      </c>
      <c r="C48" s="10"/>
      <c r="D48" s="10"/>
      <c r="E48" s="10"/>
      <c r="F48" s="10"/>
      <c r="G48" s="10" t="s">
        <v>1410</v>
      </c>
      <c r="H48" s="10" t="s">
        <v>117</v>
      </c>
      <c r="I48" s="10"/>
      <c r="J48" s="10" t="s">
        <v>1493</v>
      </c>
      <c r="K48" s="10" t="s">
        <v>336</v>
      </c>
      <c r="L48" s="10"/>
      <c r="M48" s="10" t="s">
        <v>267</v>
      </c>
      <c r="N48" s="10" t="s">
        <v>127</v>
      </c>
      <c r="O48" s="10"/>
      <c r="P48" s="10" t="s">
        <v>1395</v>
      </c>
    </row>
    <row r="49" spans="1:16" s="13" customFormat="1" ht="75" customHeight="1">
      <c r="A49" s="10" t="s">
        <v>771</v>
      </c>
      <c r="B49" s="10" t="s">
        <v>329</v>
      </c>
      <c r="C49" s="10"/>
      <c r="D49" s="10"/>
      <c r="E49" s="10"/>
      <c r="F49" s="10"/>
      <c r="G49" s="10" t="s">
        <v>1708</v>
      </c>
      <c r="H49" s="10" t="s">
        <v>117</v>
      </c>
      <c r="I49" s="10"/>
      <c r="J49" s="10" t="s">
        <v>345</v>
      </c>
      <c r="K49" s="10" t="s">
        <v>337</v>
      </c>
      <c r="L49" s="10"/>
      <c r="M49" s="10" t="s">
        <v>339</v>
      </c>
      <c r="N49" s="10" t="s">
        <v>127</v>
      </c>
      <c r="O49" s="10"/>
      <c r="P49" s="10" t="s">
        <v>1567</v>
      </c>
    </row>
    <row r="50" spans="1:16" s="13" customFormat="1" ht="66" customHeight="1">
      <c r="A50" s="10" t="s">
        <v>771</v>
      </c>
      <c r="B50" s="10" t="s">
        <v>329</v>
      </c>
      <c r="C50" s="10"/>
      <c r="D50" s="10"/>
      <c r="E50" s="10"/>
      <c r="F50" s="10"/>
      <c r="G50" s="10" t="s">
        <v>1741</v>
      </c>
      <c r="H50" s="10" t="s">
        <v>117</v>
      </c>
      <c r="I50" s="10"/>
      <c r="J50" s="10" t="s">
        <v>346</v>
      </c>
      <c r="K50" s="10" t="s">
        <v>1742</v>
      </c>
      <c r="L50" s="10"/>
      <c r="M50" s="10" t="s">
        <v>29</v>
      </c>
      <c r="N50" s="10" t="s">
        <v>340</v>
      </c>
      <c r="O50" s="10"/>
      <c r="P50" s="10" t="s">
        <v>1355</v>
      </c>
    </row>
    <row r="51" spans="1:16" s="13" customFormat="1" ht="78" customHeight="1">
      <c r="A51" s="10" t="s">
        <v>771</v>
      </c>
      <c r="B51" s="10" t="s">
        <v>290</v>
      </c>
      <c r="C51" s="10"/>
      <c r="D51" s="10"/>
      <c r="E51" s="10"/>
      <c r="F51" s="10"/>
      <c r="G51" s="10" t="s">
        <v>291</v>
      </c>
      <c r="H51" s="10" t="s">
        <v>285</v>
      </c>
      <c r="I51" s="10"/>
      <c r="J51" s="10" t="s">
        <v>1743</v>
      </c>
      <c r="K51" s="10" t="s">
        <v>293</v>
      </c>
      <c r="L51" s="10"/>
      <c r="M51" s="10" t="s">
        <v>126</v>
      </c>
      <c r="N51" s="10" t="s">
        <v>127</v>
      </c>
      <c r="O51" s="10"/>
      <c r="P51" s="10"/>
    </row>
    <row r="52" spans="1:16" s="13" customFormat="1" ht="22.5">
      <c r="A52" s="10" t="s">
        <v>771</v>
      </c>
      <c r="B52" s="10" t="s">
        <v>290</v>
      </c>
      <c r="C52" s="10"/>
      <c r="D52" s="10"/>
      <c r="E52" s="10"/>
      <c r="F52" s="10"/>
      <c r="G52" s="10" t="s">
        <v>292</v>
      </c>
      <c r="H52" s="10" t="s">
        <v>285</v>
      </c>
      <c r="I52" s="10"/>
      <c r="J52" s="10" t="s">
        <v>352</v>
      </c>
      <c r="K52" s="10" t="s">
        <v>294</v>
      </c>
      <c r="L52" s="10"/>
      <c r="M52" s="10" t="s">
        <v>267</v>
      </c>
      <c r="N52" s="10" t="s">
        <v>127</v>
      </c>
      <c r="O52" s="10"/>
      <c r="P52" s="10"/>
    </row>
    <row r="53" spans="1:16" s="13" customFormat="1" ht="33.75">
      <c r="A53" s="10" t="s">
        <v>771</v>
      </c>
      <c r="B53" s="10" t="s">
        <v>290</v>
      </c>
      <c r="C53" s="10"/>
      <c r="D53" s="10"/>
      <c r="E53" s="10"/>
      <c r="F53" s="10"/>
      <c r="G53" s="20" t="s">
        <v>1744</v>
      </c>
      <c r="H53" s="10" t="s">
        <v>15</v>
      </c>
      <c r="I53" s="10"/>
      <c r="J53" s="20" t="s">
        <v>353</v>
      </c>
      <c r="K53" s="20" t="s">
        <v>295</v>
      </c>
      <c r="L53" s="20"/>
      <c r="M53" s="20" t="s">
        <v>296</v>
      </c>
      <c r="N53" s="20" t="s">
        <v>127</v>
      </c>
      <c r="O53" s="10"/>
      <c r="P53" s="10" t="s">
        <v>1494</v>
      </c>
    </row>
    <row r="54" spans="1:16" s="13" customFormat="1" ht="45">
      <c r="A54" s="10" t="s">
        <v>771</v>
      </c>
      <c r="B54" s="10" t="s">
        <v>290</v>
      </c>
      <c r="C54" s="10"/>
      <c r="D54" s="10"/>
      <c r="E54" s="10"/>
      <c r="F54" s="10"/>
      <c r="G54" s="10" t="s">
        <v>347</v>
      </c>
      <c r="H54" s="10" t="s">
        <v>15</v>
      </c>
      <c r="I54" s="10"/>
      <c r="J54" s="10" t="s">
        <v>354</v>
      </c>
      <c r="K54" s="10" t="s">
        <v>311</v>
      </c>
      <c r="L54" s="10"/>
      <c r="M54" s="10" t="s">
        <v>267</v>
      </c>
      <c r="N54" s="10" t="s">
        <v>127</v>
      </c>
      <c r="O54" s="10"/>
      <c r="P54" s="10" t="s">
        <v>357</v>
      </c>
    </row>
    <row r="55" spans="1:16" s="13" customFormat="1" ht="45">
      <c r="A55" s="10" t="s">
        <v>771</v>
      </c>
      <c r="B55" s="10" t="s">
        <v>290</v>
      </c>
      <c r="C55" s="10"/>
      <c r="D55" s="10"/>
      <c r="E55" s="10"/>
      <c r="F55" s="10"/>
      <c r="G55" s="10" t="s">
        <v>348</v>
      </c>
      <c r="H55" s="10" t="s">
        <v>15</v>
      </c>
      <c r="I55" s="10"/>
      <c r="J55" s="10" t="s">
        <v>355</v>
      </c>
      <c r="K55" s="10" t="s">
        <v>311</v>
      </c>
      <c r="L55" s="10"/>
      <c r="M55" s="10" t="s">
        <v>267</v>
      </c>
      <c r="N55" s="10" t="s">
        <v>127</v>
      </c>
      <c r="O55" s="10"/>
      <c r="P55" s="10" t="s">
        <v>357</v>
      </c>
    </row>
    <row r="56" spans="1:16" s="13" customFormat="1" ht="22.5">
      <c r="A56" s="10" t="s">
        <v>771</v>
      </c>
      <c r="B56" s="10" t="s">
        <v>290</v>
      </c>
      <c r="C56" s="10"/>
      <c r="D56" s="10"/>
      <c r="E56" s="10"/>
      <c r="F56" s="10"/>
      <c r="G56" s="10" t="s">
        <v>349</v>
      </c>
      <c r="H56" s="10" t="s">
        <v>15</v>
      </c>
      <c r="I56" s="10"/>
      <c r="J56" s="10" t="s">
        <v>356</v>
      </c>
      <c r="K56" s="10" t="s">
        <v>311</v>
      </c>
      <c r="L56" s="10"/>
      <c r="M56" s="10" t="s">
        <v>267</v>
      </c>
      <c r="N56" s="10" t="s">
        <v>127</v>
      </c>
      <c r="O56" s="10"/>
      <c r="P56" s="10" t="s">
        <v>1745</v>
      </c>
    </row>
    <row r="57" spans="1:16" s="17" customFormat="1" ht="28.5" customHeight="1">
      <c r="A57" s="10" t="s">
        <v>771</v>
      </c>
      <c r="B57" s="10" t="s">
        <v>290</v>
      </c>
      <c r="C57" s="10"/>
      <c r="D57" s="10"/>
      <c r="E57" s="10"/>
      <c r="F57" s="10"/>
      <c r="G57" s="10" t="s">
        <v>1029</v>
      </c>
      <c r="H57" s="10" t="s">
        <v>69</v>
      </c>
      <c r="I57" s="10"/>
      <c r="J57" s="10" t="s">
        <v>1030</v>
      </c>
      <c r="K57" s="10" t="s">
        <v>311</v>
      </c>
      <c r="L57" s="10"/>
      <c r="M57" s="10" t="s">
        <v>267</v>
      </c>
      <c r="N57" s="10" t="s">
        <v>1021</v>
      </c>
      <c r="O57" s="10"/>
      <c r="P57" s="10" t="s">
        <v>1032</v>
      </c>
    </row>
    <row r="58" spans="1:16" s="17" customFormat="1" ht="28.5" customHeight="1">
      <c r="A58" s="10" t="s">
        <v>771</v>
      </c>
      <c r="B58" s="10" t="s">
        <v>290</v>
      </c>
      <c r="C58" s="10"/>
      <c r="D58" s="10"/>
      <c r="E58" s="10"/>
      <c r="F58" s="10"/>
      <c r="G58" s="10" t="s">
        <v>1031</v>
      </c>
      <c r="H58" s="10" t="s">
        <v>69</v>
      </c>
      <c r="I58" s="10"/>
      <c r="J58" s="10" t="s">
        <v>1030</v>
      </c>
      <c r="K58" s="10" t="s">
        <v>311</v>
      </c>
      <c r="L58" s="10"/>
      <c r="M58" s="10" t="s">
        <v>267</v>
      </c>
      <c r="N58" s="10" t="s">
        <v>1021</v>
      </c>
      <c r="O58" s="10"/>
      <c r="P58" s="10" t="s">
        <v>1033</v>
      </c>
    </row>
    <row r="59" spans="1:16" s="13" customFormat="1" ht="136.5" customHeight="1">
      <c r="A59" s="10" t="s">
        <v>771</v>
      </c>
      <c r="B59" s="10" t="s">
        <v>290</v>
      </c>
      <c r="C59" s="10"/>
      <c r="D59" s="10"/>
      <c r="E59" s="10"/>
      <c r="F59" s="10"/>
      <c r="G59" s="10" t="s">
        <v>350</v>
      </c>
      <c r="H59" s="10" t="s">
        <v>351</v>
      </c>
      <c r="I59" s="10"/>
      <c r="J59" s="10" t="s">
        <v>1747</v>
      </c>
      <c r="K59" s="10" t="s">
        <v>191</v>
      </c>
      <c r="L59" s="10"/>
      <c r="M59" s="10" t="s">
        <v>204</v>
      </c>
      <c r="N59" s="10" t="s">
        <v>127</v>
      </c>
      <c r="O59" s="10"/>
      <c r="P59" s="10" t="s">
        <v>1746</v>
      </c>
    </row>
    <row r="60" spans="1:16" s="13" customFormat="1" ht="55.5" customHeight="1">
      <c r="A60" s="10" t="s">
        <v>771</v>
      </c>
      <c r="B60" s="10" t="s">
        <v>358</v>
      </c>
      <c r="C60" s="10"/>
      <c r="D60" s="10"/>
      <c r="E60" s="10"/>
      <c r="F60" s="10"/>
      <c r="G60" s="10" t="s">
        <v>297</v>
      </c>
      <c r="H60" s="10" t="s">
        <v>15</v>
      </c>
      <c r="I60" s="10"/>
      <c r="J60" s="10" t="s">
        <v>1748</v>
      </c>
      <c r="K60" s="10" t="s">
        <v>1574</v>
      </c>
      <c r="L60" s="10"/>
      <c r="M60" s="10" t="s">
        <v>126</v>
      </c>
      <c r="N60" s="10" t="s">
        <v>127</v>
      </c>
      <c r="O60" s="10"/>
      <c r="P60" s="10"/>
    </row>
    <row r="61" spans="1:16" s="13" customFormat="1" ht="43.5" customHeight="1">
      <c r="A61" s="10" t="s">
        <v>771</v>
      </c>
      <c r="B61" s="10" t="s">
        <v>358</v>
      </c>
      <c r="C61" s="10"/>
      <c r="D61" s="10"/>
      <c r="E61" s="10"/>
      <c r="F61" s="10"/>
      <c r="G61" s="10" t="s">
        <v>1034</v>
      </c>
      <c r="H61" s="10" t="s">
        <v>15</v>
      </c>
      <c r="I61" s="10"/>
      <c r="J61" s="10" t="s">
        <v>1035</v>
      </c>
      <c r="K61" s="10" t="s">
        <v>1389</v>
      </c>
      <c r="L61" s="10"/>
      <c r="M61" s="10" t="s">
        <v>126</v>
      </c>
      <c r="N61" s="10" t="s">
        <v>1021</v>
      </c>
      <c r="O61" s="10"/>
      <c r="P61" s="10" t="s">
        <v>1036</v>
      </c>
    </row>
    <row r="62" spans="1:16" s="13" customFormat="1" ht="233.25" customHeight="1">
      <c r="A62" s="13" t="s">
        <v>771</v>
      </c>
      <c r="B62" s="13" t="s">
        <v>358</v>
      </c>
      <c r="G62" s="13" t="s">
        <v>359</v>
      </c>
      <c r="H62" s="13" t="s">
        <v>15</v>
      </c>
      <c r="J62" s="10" t="s">
        <v>1495</v>
      </c>
      <c r="K62" s="10" t="s">
        <v>1568</v>
      </c>
      <c r="M62" s="13" t="s">
        <v>126</v>
      </c>
      <c r="N62" s="13" t="s">
        <v>127</v>
      </c>
      <c r="P62" s="10" t="s">
        <v>1569</v>
      </c>
    </row>
    <row r="63" spans="1:16" s="10" customFormat="1" ht="75.75" customHeight="1">
      <c r="A63" s="10" t="s">
        <v>771</v>
      </c>
      <c r="B63" s="10" t="s">
        <v>358</v>
      </c>
      <c r="G63" s="10" t="s">
        <v>360</v>
      </c>
      <c r="H63" s="10" t="s">
        <v>15</v>
      </c>
      <c r="J63" s="10" t="s">
        <v>365</v>
      </c>
      <c r="K63" s="10" t="s">
        <v>1570</v>
      </c>
      <c r="M63" s="10" t="s">
        <v>126</v>
      </c>
      <c r="N63" s="10" t="s">
        <v>127</v>
      </c>
    </row>
    <row r="64" spans="1:16" s="10" customFormat="1" ht="68.25" customHeight="1">
      <c r="A64" s="10" t="s">
        <v>771</v>
      </c>
      <c r="B64" s="10" t="s">
        <v>358</v>
      </c>
      <c r="G64" s="10" t="s">
        <v>361</v>
      </c>
      <c r="H64" s="10" t="s">
        <v>15</v>
      </c>
      <c r="J64" s="10" t="s">
        <v>366</v>
      </c>
      <c r="K64" s="10" t="s">
        <v>1571</v>
      </c>
      <c r="M64" s="10" t="s">
        <v>126</v>
      </c>
      <c r="N64" s="10" t="s">
        <v>127</v>
      </c>
    </row>
    <row r="65" spans="1:16" s="10" customFormat="1" ht="56.25">
      <c r="A65" s="10" t="s">
        <v>771</v>
      </c>
      <c r="B65" s="10" t="s">
        <v>358</v>
      </c>
      <c r="G65" s="10" t="s">
        <v>362</v>
      </c>
      <c r="H65" s="10" t="s">
        <v>15</v>
      </c>
      <c r="J65" s="10" t="s">
        <v>367</v>
      </c>
      <c r="K65" s="10" t="s">
        <v>1572</v>
      </c>
      <c r="M65" s="10" t="s">
        <v>126</v>
      </c>
      <c r="N65" s="10" t="s">
        <v>127</v>
      </c>
    </row>
    <row r="66" spans="1:16" s="10" customFormat="1" ht="56.25">
      <c r="A66" s="10" t="s">
        <v>771</v>
      </c>
      <c r="B66" s="10" t="s">
        <v>358</v>
      </c>
      <c r="G66" s="10" t="s">
        <v>363</v>
      </c>
      <c r="H66" s="10" t="s">
        <v>15</v>
      </c>
      <c r="J66" s="10" t="s">
        <v>368</v>
      </c>
      <c r="K66" s="10" t="s">
        <v>1572</v>
      </c>
      <c r="M66" s="10" t="s">
        <v>126</v>
      </c>
      <c r="N66" s="10" t="s">
        <v>127</v>
      </c>
    </row>
    <row r="67" spans="1:16" s="10" customFormat="1" ht="22.5">
      <c r="A67" s="10" t="s">
        <v>771</v>
      </c>
      <c r="B67" s="10" t="s">
        <v>358</v>
      </c>
      <c r="G67" s="10" t="s">
        <v>364</v>
      </c>
      <c r="H67" s="10" t="s">
        <v>15</v>
      </c>
      <c r="J67" s="10" t="s">
        <v>369</v>
      </c>
      <c r="K67" s="10" t="s">
        <v>1573</v>
      </c>
      <c r="M67" s="10" t="s">
        <v>126</v>
      </c>
      <c r="N67" s="10" t="s">
        <v>127</v>
      </c>
    </row>
    <row r="68" spans="1:16" s="13" customFormat="1" ht="62.25" customHeight="1">
      <c r="A68" s="10" t="s">
        <v>771</v>
      </c>
      <c r="B68" s="10" t="s">
        <v>358</v>
      </c>
      <c r="C68" s="10"/>
      <c r="D68" s="10"/>
      <c r="E68" s="10"/>
      <c r="F68" s="10"/>
      <c r="G68" s="10" t="s">
        <v>1037</v>
      </c>
      <c r="H68" s="10" t="s">
        <v>15</v>
      </c>
      <c r="I68" s="10"/>
      <c r="J68" s="10" t="s">
        <v>1038</v>
      </c>
      <c r="K68" s="10" t="s">
        <v>311</v>
      </c>
      <c r="L68" s="10"/>
      <c r="M68" s="10" t="s">
        <v>126</v>
      </c>
      <c r="N68" s="10" t="s">
        <v>1021</v>
      </c>
      <c r="O68" s="10"/>
      <c r="P68" s="10" t="s">
        <v>1039</v>
      </c>
    </row>
    <row r="69" spans="1:16" s="13" customFormat="1" ht="114.75" customHeight="1">
      <c r="A69" s="10" t="s">
        <v>771</v>
      </c>
      <c r="B69" s="10" t="s">
        <v>358</v>
      </c>
      <c r="C69" s="10"/>
      <c r="D69" s="10"/>
      <c r="E69" s="10"/>
      <c r="F69" s="10"/>
      <c r="G69" s="10" t="s">
        <v>1264</v>
      </c>
      <c r="H69" s="10" t="s">
        <v>69</v>
      </c>
      <c r="I69" s="10"/>
      <c r="J69" s="10" t="s">
        <v>1038</v>
      </c>
      <c r="K69" s="10" t="s">
        <v>1265</v>
      </c>
      <c r="L69" s="10"/>
      <c r="M69" s="10" t="s">
        <v>126</v>
      </c>
      <c r="N69" s="10" t="s">
        <v>1021</v>
      </c>
      <c r="O69" s="10"/>
      <c r="P69" s="10" t="s">
        <v>2032</v>
      </c>
    </row>
    <row r="70" spans="1:16" s="13" customFormat="1" ht="145.5" customHeight="1">
      <c r="A70" s="10" t="s">
        <v>771</v>
      </c>
      <c r="B70" s="10" t="s">
        <v>358</v>
      </c>
      <c r="C70" s="10"/>
      <c r="D70" s="10"/>
      <c r="E70" s="10"/>
      <c r="F70" s="10"/>
      <c r="G70" s="10" t="s">
        <v>1266</v>
      </c>
      <c r="H70" s="10" t="s">
        <v>69</v>
      </c>
      <c r="I70" s="10"/>
      <c r="J70" s="10"/>
      <c r="K70" s="10" t="s">
        <v>1267</v>
      </c>
      <c r="L70" s="10"/>
      <c r="M70" s="10"/>
      <c r="N70" s="10"/>
      <c r="O70" s="10"/>
      <c r="P70" s="10" t="s">
        <v>2031</v>
      </c>
    </row>
    <row r="71" spans="1:16" s="13" customFormat="1" ht="113.25" customHeight="1">
      <c r="A71" s="10" t="s">
        <v>771</v>
      </c>
      <c r="B71" s="10" t="s">
        <v>358</v>
      </c>
      <c r="C71" s="10"/>
      <c r="D71" s="10"/>
      <c r="E71" s="10"/>
      <c r="F71" s="10"/>
      <c r="G71" s="10" t="s">
        <v>1268</v>
      </c>
      <c r="H71" s="10" t="s">
        <v>69</v>
      </c>
      <c r="I71" s="10"/>
      <c r="J71" s="10"/>
      <c r="K71" s="10" t="s">
        <v>1269</v>
      </c>
      <c r="L71" s="10"/>
      <c r="M71" s="10" t="s">
        <v>126</v>
      </c>
      <c r="N71" s="10" t="s">
        <v>1021</v>
      </c>
      <c r="O71" s="10"/>
      <c r="P71" s="10" t="s">
        <v>1707</v>
      </c>
    </row>
    <row r="72" spans="1:16" s="13" customFormat="1" ht="177" customHeight="1">
      <c r="A72" s="10" t="s">
        <v>771</v>
      </c>
      <c r="B72" s="10" t="s">
        <v>370</v>
      </c>
      <c r="C72" s="10"/>
      <c r="D72" s="10"/>
      <c r="E72" s="10"/>
      <c r="F72" s="10"/>
      <c r="G72" s="10" t="s">
        <v>1749</v>
      </c>
      <c r="H72" s="10" t="s">
        <v>15</v>
      </c>
      <c r="I72" s="10"/>
      <c r="J72" s="10" t="s">
        <v>2037</v>
      </c>
      <c r="K72" s="50" t="s">
        <v>2038</v>
      </c>
      <c r="L72" s="10"/>
      <c r="M72" s="10" t="s">
        <v>1750</v>
      </c>
      <c r="N72" s="10" t="s">
        <v>1394</v>
      </c>
      <c r="O72" s="10"/>
      <c r="P72" s="10" t="s">
        <v>1040</v>
      </c>
    </row>
    <row r="73" spans="1:16" s="13" customFormat="1" ht="231.75" customHeight="1">
      <c r="A73" s="10" t="s">
        <v>771</v>
      </c>
      <c r="B73" s="10" t="s">
        <v>1041</v>
      </c>
      <c r="C73" s="10"/>
      <c r="D73" s="10"/>
      <c r="E73" s="10"/>
      <c r="F73" s="10"/>
      <c r="G73" s="10" t="s">
        <v>1042</v>
      </c>
      <c r="H73" s="10" t="s">
        <v>15</v>
      </c>
      <c r="I73" s="10"/>
      <c r="J73" s="10" t="s">
        <v>2025</v>
      </c>
      <c r="K73" s="50" t="s">
        <v>2038</v>
      </c>
      <c r="L73" s="10"/>
      <c r="M73" s="10" t="s">
        <v>29</v>
      </c>
      <c r="N73" s="10" t="s">
        <v>1289</v>
      </c>
      <c r="O73" s="10"/>
      <c r="P73" s="10" t="s">
        <v>2033</v>
      </c>
    </row>
    <row r="74" spans="1:16" s="13" customFormat="1" ht="75.75" customHeight="1">
      <c r="A74" s="10" t="s">
        <v>771</v>
      </c>
      <c r="B74" s="10" t="s">
        <v>1041</v>
      </c>
      <c r="C74" s="10"/>
      <c r="D74" s="10"/>
      <c r="E74" s="10"/>
      <c r="F74" s="10"/>
      <c r="G74" s="10" t="s">
        <v>2039</v>
      </c>
      <c r="H74" s="10" t="s">
        <v>15</v>
      </c>
      <c r="I74" s="10"/>
      <c r="J74" s="10" t="s">
        <v>2040</v>
      </c>
      <c r="K74" s="50" t="s">
        <v>2041</v>
      </c>
      <c r="L74" s="10"/>
      <c r="M74" s="10" t="s">
        <v>29</v>
      </c>
      <c r="N74" s="10" t="s">
        <v>1289</v>
      </c>
      <c r="O74" s="10"/>
      <c r="P74" s="10"/>
    </row>
    <row r="75" spans="1:16" s="13" customFormat="1" ht="379.5" customHeight="1">
      <c r="A75" s="10" t="s">
        <v>771</v>
      </c>
      <c r="B75" s="10" t="s">
        <v>370</v>
      </c>
      <c r="C75" s="10"/>
      <c r="D75" s="10"/>
      <c r="E75" s="10"/>
      <c r="F75" s="10"/>
      <c r="G75" s="10" t="s">
        <v>371</v>
      </c>
      <c r="H75" s="10" t="s">
        <v>15</v>
      </c>
      <c r="I75" s="10"/>
      <c r="J75" s="10" t="s">
        <v>1751</v>
      </c>
      <c r="K75" s="10" t="s">
        <v>1752</v>
      </c>
      <c r="L75" s="10"/>
      <c r="M75" s="10" t="s">
        <v>204</v>
      </c>
      <c r="N75" s="10" t="s">
        <v>127</v>
      </c>
      <c r="O75" s="10"/>
      <c r="P75" s="13" t="s">
        <v>2034</v>
      </c>
    </row>
    <row r="76" spans="1:16" s="10" customFormat="1" ht="377.25" customHeight="1">
      <c r="A76" s="10" t="s">
        <v>771</v>
      </c>
      <c r="B76" s="10" t="s">
        <v>1041</v>
      </c>
      <c r="G76" s="10" t="s">
        <v>1270</v>
      </c>
      <c r="H76" s="10" t="s">
        <v>15</v>
      </c>
      <c r="J76" s="10" t="s">
        <v>1271</v>
      </c>
      <c r="K76" s="13" t="s">
        <v>2035</v>
      </c>
      <c r="P76" s="10" t="s">
        <v>1648</v>
      </c>
    </row>
    <row r="77" spans="1:16" s="13" customFormat="1" ht="30" customHeight="1"/>
  </sheetData>
  <autoFilter ref="A1:P1"/>
  <phoneticPr fontId="10"/>
  <conditionalFormatting sqref="M1">
    <cfRule type="expression" dxfId="189" priority="48">
      <formula>#REF!="Capability"</formula>
    </cfRule>
  </conditionalFormatting>
  <pageMargins left="0.7" right="0.7" top="0.75" bottom="0.75" header="0.3" footer="0.3"/>
  <pageSetup orientation="portrait" r:id="rId1"/>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48"/>
  <sheetViews>
    <sheetView zoomScale="110" zoomScaleNormal="110" workbookViewId="0">
      <pane xSplit="7" ySplit="1" topLeftCell="I16" activePane="bottomRight" state="frozen"/>
      <selection pane="topRight" activeCell="G1" sqref="G1"/>
      <selection pane="bottomLeft" activeCell="A2" sqref="A2"/>
      <selection pane="bottomRight" activeCell="D17" sqref="D17"/>
    </sheetView>
  </sheetViews>
  <sheetFormatPr defaultColWidth="13.125" defaultRowHeight="30" customHeight="1"/>
  <cols>
    <col min="1" max="1" width="10.125" style="10" customWidth="1"/>
    <col min="2" max="2" width="15.625" style="10" customWidth="1"/>
    <col min="3" max="3" width="10.125" style="10" customWidth="1"/>
    <col min="4" max="4" width="8" style="10" customWidth="1"/>
    <col min="5" max="5" width="9.375" style="10" customWidth="1"/>
    <col min="6" max="6" width="10.625" style="10" customWidth="1"/>
    <col min="7" max="7" width="24.125" style="10" customWidth="1"/>
    <col min="8" max="8" width="8.375" style="10" customWidth="1"/>
    <col min="9" max="9" width="15.375" style="10" customWidth="1"/>
    <col min="10" max="10" width="53.125" style="10" customWidth="1"/>
    <col min="11" max="11" width="25.375" style="10" customWidth="1"/>
    <col min="12" max="12" width="12" style="10" customWidth="1"/>
    <col min="13" max="14" width="11.375" style="10" customWidth="1"/>
    <col min="15" max="15" width="13.125" style="10"/>
    <col min="16" max="16" width="76.125" style="10" customWidth="1"/>
    <col min="17" max="16384" width="13.125" style="10"/>
  </cols>
  <sheetData>
    <row r="1" spans="1:16" ht="30" customHeight="1">
      <c r="A1" s="2" t="s">
        <v>263</v>
      </c>
      <c r="B1" s="23" t="s">
        <v>0</v>
      </c>
      <c r="C1" s="23" t="s">
        <v>1</v>
      </c>
      <c r="D1" s="23" t="s">
        <v>2</v>
      </c>
      <c r="E1" s="23" t="s">
        <v>3</v>
      </c>
      <c r="F1" s="23" t="s">
        <v>9</v>
      </c>
      <c r="G1" s="23" t="s">
        <v>4</v>
      </c>
      <c r="H1" s="23" t="s">
        <v>5</v>
      </c>
      <c r="I1" s="23" t="s">
        <v>6</v>
      </c>
      <c r="J1" s="23" t="s">
        <v>10</v>
      </c>
      <c r="K1" s="23" t="s">
        <v>7</v>
      </c>
      <c r="L1" s="23" t="s">
        <v>268</v>
      </c>
      <c r="M1" s="2" t="s">
        <v>34</v>
      </c>
      <c r="N1" s="23" t="s">
        <v>35</v>
      </c>
      <c r="O1" s="23" t="s">
        <v>8</v>
      </c>
      <c r="P1" s="23" t="s">
        <v>11</v>
      </c>
    </row>
    <row r="2" spans="1:16" ht="33.75">
      <c r="A2" s="10" t="s">
        <v>772</v>
      </c>
      <c r="B2" s="14" t="s">
        <v>968</v>
      </c>
      <c r="C2" s="14"/>
      <c r="D2" s="14"/>
      <c r="E2" s="14"/>
      <c r="F2" s="14"/>
      <c r="G2" s="14" t="s">
        <v>70</v>
      </c>
      <c r="H2" s="14" t="s">
        <v>69</v>
      </c>
      <c r="I2" s="14"/>
      <c r="J2" s="14" t="s">
        <v>77</v>
      </c>
      <c r="K2" s="14" t="s">
        <v>28</v>
      </c>
      <c r="L2" s="14"/>
      <c r="M2" s="14"/>
      <c r="N2" s="14" t="s">
        <v>88</v>
      </c>
      <c r="O2" s="14"/>
      <c r="P2" s="24" t="s">
        <v>966</v>
      </c>
    </row>
    <row r="3" spans="1:16" ht="33.75">
      <c r="A3" s="10" t="s">
        <v>772</v>
      </c>
      <c r="B3" s="14" t="s">
        <v>968</v>
      </c>
      <c r="C3" s="14"/>
      <c r="D3" s="14"/>
      <c r="E3" s="14"/>
      <c r="F3" s="14"/>
      <c r="G3" s="14" t="s">
        <v>71</v>
      </c>
      <c r="H3" s="14" t="s">
        <v>69</v>
      </c>
      <c r="I3" s="14"/>
      <c r="J3" s="14" t="s">
        <v>78</v>
      </c>
      <c r="K3" s="14" t="s">
        <v>969</v>
      </c>
      <c r="L3" s="14"/>
      <c r="M3" s="14"/>
      <c r="N3" s="14" t="s">
        <v>88</v>
      </c>
      <c r="O3" s="14"/>
      <c r="P3" s="24" t="s">
        <v>966</v>
      </c>
    </row>
    <row r="4" spans="1:16" ht="33.75">
      <c r="A4" s="10" t="s">
        <v>772</v>
      </c>
      <c r="B4" s="14" t="s">
        <v>968</v>
      </c>
      <c r="C4" s="14"/>
      <c r="D4" s="14"/>
      <c r="E4" s="14"/>
      <c r="F4" s="14"/>
      <c r="G4" s="14" t="s">
        <v>72</v>
      </c>
      <c r="H4" s="14" t="s">
        <v>69</v>
      </c>
      <c r="I4" s="14"/>
      <c r="J4" s="14" t="s">
        <v>79</v>
      </c>
      <c r="K4" s="14" t="s">
        <v>87</v>
      </c>
      <c r="L4" s="14"/>
      <c r="M4" s="14"/>
      <c r="N4" s="14" t="s">
        <v>88</v>
      </c>
      <c r="O4" s="14"/>
      <c r="P4" s="24" t="s">
        <v>967</v>
      </c>
    </row>
    <row r="5" spans="1:16" ht="33.75">
      <c r="A5" s="10" t="s">
        <v>772</v>
      </c>
      <c r="B5" s="14" t="s">
        <v>968</v>
      </c>
      <c r="C5" s="14"/>
      <c r="D5" s="14"/>
      <c r="E5" s="14"/>
      <c r="F5" s="14"/>
      <c r="G5" s="14" t="s">
        <v>73</v>
      </c>
      <c r="H5" s="14" t="s">
        <v>69</v>
      </c>
      <c r="I5" s="14"/>
      <c r="J5" s="14" t="s">
        <v>80</v>
      </c>
      <c r="K5" s="14" t="s">
        <v>970</v>
      </c>
      <c r="L5" s="14"/>
      <c r="M5" s="14"/>
      <c r="N5" s="14" t="s">
        <v>88</v>
      </c>
      <c r="O5" s="14"/>
      <c r="P5" s="14" t="s">
        <v>1496</v>
      </c>
    </row>
    <row r="6" spans="1:16" ht="33.75">
      <c r="A6" s="10" t="s">
        <v>772</v>
      </c>
      <c r="B6" s="14" t="s">
        <v>968</v>
      </c>
      <c r="C6" s="14"/>
      <c r="D6" s="14"/>
      <c r="E6" s="14"/>
      <c r="F6" s="14"/>
      <c r="G6" s="14" t="s">
        <v>74</v>
      </c>
      <c r="H6" s="14" t="s">
        <v>69</v>
      </c>
      <c r="I6" s="14"/>
      <c r="J6" s="14" t="s">
        <v>81</v>
      </c>
      <c r="K6" s="14" t="s">
        <v>84</v>
      </c>
      <c r="L6" s="14"/>
      <c r="M6" s="14"/>
      <c r="N6" s="14" t="s">
        <v>88</v>
      </c>
      <c r="O6" s="14"/>
      <c r="P6" s="24" t="s">
        <v>967</v>
      </c>
    </row>
    <row r="7" spans="1:16" ht="33.75">
      <c r="A7" s="10" t="s">
        <v>772</v>
      </c>
      <c r="B7" s="14" t="s">
        <v>968</v>
      </c>
      <c r="C7" s="14"/>
      <c r="D7" s="14"/>
      <c r="E7" s="14"/>
      <c r="F7" s="14"/>
      <c r="G7" s="14" t="s">
        <v>75</v>
      </c>
      <c r="H7" s="14" t="s">
        <v>69</v>
      </c>
      <c r="I7" s="14"/>
      <c r="J7" s="14" t="s">
        <v>82</v>
      </c>
      <c r="K7" s="14" t="s">
        <v>85</v>
      </c>
      <c r="L7" s="14"/>
      <c r="M7" s="14"/>
      <c r="N7" s="14" t="s">
        <v>88</v>
      </c>
      <c r="O7" s="14"/>
      <c r="P7" s="14" t="s">
        <v>1497</v>
      </c>
    </row>
    <row r="8" spans="1:16" ht="56.25">
      <c r="A8" s="10" t="s">
        <v>772</v>
      </c>
      <c r="B8" s="14" t="s">
        <v>968</v>
      </c>
      <c r="C8" s="14"/>
      <c r="D8" s="14"/>
      <c r="E8" s="14"/>
      <c r="F8" s="14"/>
      <c r="G8" s="14" t="s">
        <v>76</v>
      </c>
      <c r="H8" s="14" t="s">
        <v>69</v>
      </c>
      <c r="I8" s="14"/>
      <c r="J8" s="14" t="s">
        <v>83</v>
      </c>
      <c r="K8" s="14" t="s">
        <v>86</v>
      </c>
      <c r="L8" s="14"/>
      <c r="M8" s="14"/>
      <c r="N8" s="14" t="s">
        <v>88</v>
      </c>
      <c r="O8" s="14"/>
      <c r="P8" s="14" t="s">
        <v>1498</v>
      </c>
    </row>
    <row r="9" spans="1:16" ht="33.75">
      <c r="A9" s="10" t="s">
        <v>772</v>
      </c>
      <c r="B9" s="14" t="s">
        <v>971</v>
      </c>
      <c r="C9" s="14"/>
      <c r="D9" s="14"/>
      <c r="E9" s="14"/>
      <c r="F9" s="14"/>
      <c r="G9" s="14" t="s">
        <v>89</v>
      </c>
      <c r="H9" s="14" t="s">
        <v>69</v>
      </c>
      <c r="I9" s="14"/>
      <c r="J9" s="14" t="s">
        <v>95</v>
      </c>
      <c r="K9" s="14" t="s">
        <v>96</v>
      </c>
      <c r="L9" s="14"/>
      <c r="M9" s="14"/>
      <c r="N9" s="14" t="s">
        <v>88</v>
      </c>
      <c r="O9" s="14"/>
      <c r="P9" s="14"/>
    </row>
    <row r="10" spans="1:16" ht="33.75">
      <c r="A10" s="10" t="s">
        <v>772</v>
      </c>
      <c r="B10" s="14" t="s">
        <v>971</v>
      </c>
      <c r="C10" s="14"/>
      <c r="D10" s="14"/>
      <c r="E10" s="14"/>
      <c r="F10" s="14"/>
      <c r="G10" s="14" t="s">
        <v>90</v>
      </c>
      <c r="H10" s="14" t="s">
        <v>69</v>
      </c>
      <c r="I10" s="14"/>
      <c r="J10" s="14" t="s">
        <v>97</v>
      </c>
      <c r="K10" s="14" t="s">
        <v>98</v>
      </c>
      <c r="L10" s="14"/>
      <c r="M10" s="14"/>
      <c r="N10" s="14" t="s">
        <v>88</v>
      </c>
      <c r="O10" s="14"/>
      <c r="P10" s="14" t="s">
        <v>104</v>
      </c>
    </row>
    <row r="11" spans="1:16" ht="33.75">
      <c r="A11" s="10" t="s">
        <v>772</v>
      </c>
      <c r="B11" s="14" t="s">
        <v>971</v>
      </c>
      <c r="C11" s="14"/>
      <c r="D11" s="14"/>
      <c r="E11" s="14"/>
      <c r="F11" s="14"/>
      <c r="G11" s="14" t="s">
        <v>91</v>
      </c>
      <c r="H11" s="14" t="s">
        <v>69</v>
      </c>
      <c r="I11" s="14"/>
      <c r="J11" s="14" t="s">
        <v>99</v>
      </c>
      <c r="K11" s="14" t="s">
        <v>100</v>
      </c>
      <c r="L11" s="14"/>
      <c r="M11" s="14"/>
      <c r="N11" s="14" t="s">
        <v>88</v>
      </c>
      <c r="O11" s="14"/>
      <c r="P11" s="14"/>
    </row>
    <row r="12" spans="1:16" ht="33.75">
      <c r="A12" s="10" t="s">
        <v>772</v>
      </c>
      <c r="B12" s="14" t="s">
        <v>971</v>
      </c>
      <c r="C12" s="14"/>
      <c r="D12" s="14"/>
      <c r="E12" s="14"/>
      <c r="F12" s="14"/>
      <c r="G12" s="14" t="s">
        <v>92</v>
      </c>
      <c r="H12" s="14" t="s">
        <v>69</v>
      </c>
      <c r="I12" s="14"/>
      <c r="J12" s="14" t="s">
        <v>101</v>
      </c>
      <c r="K12" s="14" t="s">
        <v>102</v>
      </c>
      <c r="L12" s="14"/>
      <c r="M12" s="14"/>
      <c r="N12" s="14" t="s">
        <v>88</v>
      </c>
      <c r="O12" s="14"/>
      <c r="P12" s="14" t="s">
        <v>105</v>
      </c>
    </row>
    <row r="13" spans="1:16" ht="33.75">
      <c r="A13" s="10" t="s">
        <v>772</v>
      </c>
      <c r="B13" s="14" t="s">
        <v>971</v>
      </c>
      <c r="C13" s="14"/>
      <c r="D13" s="14"/>
      <c r="E13" s="14"/>
      <c r="F13" s="14"/>
      <c r="G13" s="14" t="s">
        <v>93</v>
      </c>
      <c r="H13" s="14" t="s">
        <v>69</v>
      </c>
      <c r="I13" s="14"/>
      <c r="J13" s="14" t="s">
        <v>103</v>
      </c>
      <c r="K13" s="14" t="s">
        <v>84</v>
      </c>
      <c r="L13" s="14"/>
      <c r="M13" s="14"/>
      <c r="N13" s="14" t="s">
        <v>88</v>
      </c>
      <c r="O13" s="14"/>
      <c r="P13" s="14" t="s">
        <v>972</v>
      </c>
    </row>
    <row r="14" spans="1:16" ht="33.75">
      <c r="A14" s="10" t="s">
        <v>772</v>
      </c>
      <c r="B14" s="14" t="s">
        <v>971</v>
      </c>
      <c r="C14" s="14"/>
      <c r="D14" s="14"/>
      <c r="E14" s="14"/>
      <c r="F14" s="14"/>
      <c r="G14" s="14" t="s">
        <v>94</v>
      </c>
      <c r="H14" s="14" t="s">
        <v>69</v>
      </c>
      <c r="I14" s="14"/>
      <c r="J14" s="14" t="s">
        <v>1499</v>
      </c>
      <c r="K14" s="14" t="s">
        <v>86</v>
      </c>
      <c r="L14" s="14"/>
      <c r="M14" s="14"/>
      <c r="N14" s="14" t="s">
        <v>88</v>
      </c>
      <c r="O14" s="14"/>
      <c r="P14" s="14" t="s">
        <v>106</v>
      </c>
    </row>
    <row r="15" spans="1:16" ht="45.75" customHeight="1">
      <c r="A15" s="10" t="s">
        <v>772</v>
      </c>
      <c r="B15" s="14" t="s">
        <v>973</v>
      </c>
      <c r="C15" s="14"/>
      <c r="D15" s="14"/>
      <c r="E15" s="14"/>
      <c r="F15" s="14"/>
      <c r="G15" s="14" t="s">
        <v>107</v>
      </c>
      <c r="H15" s="14" t="s">
        <v>69</v>
      </c>
      <c r="I15" s="14"/>
      <c r="J15" s="14" t="s">
        <v>110</v>
      </c>
      <c r="K15" s="14" t="s">
        <v>111</v>
      </c>
      <c r="L15" s="14"/>
      <c r="M15" s="14"/>
      <c r="N15" s="14" t="s">
        <v>116</v>
      </c>
      <c r="O15" s="14"/>
      <c r="P15" s="14" t="s">
        <v>974</v>
      </c>
    </row>
    <row r="16" spans="1:16" ht="45.75" customHeight="1">
      <c r="A16" s="10" t="s">
        <v>772</v>
      </c>
      <c r="B16" s="14" t="s">
        <v>973</v>
      </c>
      <c r="C16" s="14"/>
      <c r="D16" s="14"/>
      <c r="E16" s="14"/>
      <c r="F16" s="14"/>
      <c r="G16" s="14" t="s">
        <v>108</v>
      </c>
      <c r="H16" s="14" t="s">
        <v>69</v>
      </c>
      <c r="I16" s="14"/>
      <c r="J16" s="14" t="s">
        <v>112</v>
      </c>
      <c r="K16" s="14" t="s">
        <v>113</v>
      </c>
      <c r="L16" s="14"/>
      <c r="M16" s="14"/>
      <c r="N16" s="14" t="s">
        <v>116</v>
      </c>
      <c r="O16" s="14"/>
      <c r="P16" s="14" t="s">
        <v>974</v>
      </c>
    </row>
    <row r="17" spans="1:16" ht="45.75" customHeight="1">
      <c r="A17" s="10" t="s">
        <v>772</v>
      </c>
      <c r="B17" s="14" t="s">
        <v>973</v>
      </c>
      <c r="C17" s="14"/>
      <c r="D17" s="14"/>
      <c r="E17" s="14"/>
      <c r="F17" s="14"/>
      <c r="G17" s="14" t="s">
        <v>109</v>
      </c>
      <c r="H17" s="14" t="s">
        <v>69</v>
      </c>
      <c r="I17" s="14"/>
      <c r="J17" s="14" t="s">
        <v>114</v>
      </c>
      <c r="K17" s="14" t="s">
        <v>115</v>
      </c>
      <c r="L17" s="14"/>
      <c r="M17" s="14"/>
      <c r="N17" s="14" t="s">
        <v>116</v>
      </c>
      <c r="O17" s="14"/>
      <c r="P17" s="14" t="s">
        <v>974</v>
      </c>
    </row>
    <row r="18" spans="1:16" ht="261.75" customHeight="1">
      <c r="A18" s="10" t="s">
        <v>772</v>
      </c>
      <c r="B18" s="10" t="s">
        <v>975</v>
      </c>
      <c r="G18" s="47" t="s">
        <v>2043</v>
      </c>
      <c r="H18" s="31" t="s">
        <v>69</v>
      </c>
      <c r="J18" s="10" t="s">
        <v>976</v>
      </c>
      <c r="K18" s="10" t="s">
        <v>977</v>
      </c>
      <c r="N18" s="10" t="s">
        <v>88</v>
      </c>
      <c r="P18" s="46" t="s">
        <v>1692</v>
      </c>
    </row>
    <row r="19" spans="1:16" ht="209.45" customHeight="1">
      <c r="A19" s="27" t="s">
        <v>772</v>
      </c>
      <c r="B19" s="27" t="s">
        <v>975</v>
      </c>
      <c r="C19" s="27"/>
      <c r="D19" s="27"/>
      <c r="E19" s="27"/>
      <c r="F19" s="27"/>
      <c r="G19" s="48" t="s">
        <v>1697</v>
      </c>
      <c r="H19" s="32" t="s">
        <v>69</v>
      </c>
      <c r="I19" s="27"/>
      <c r="J19" s="27" t="s">
        <v>978</v>
      </c>
      <c r="K19" s="27" t="s">
        <v>979</v>
      </c>
      <c r="L19" s="27"/>
      <c r="M19" s="27"/>
      <c r="N19" s="27" t="s">
        <v>88</v>
      </c>
      <c r="O19" s="27"/>
      <c r="P19" s="49" t="s">
        <v>1700</v>
      </c>
    </row>
    <row r="20" spans="1:16" ht="185.45" customHeight="1">
      <c r="A20" s="10" t="s">
        <v>772</v>
      </c>
      <c r="B20" s="10" t="s">
        <v>975</v>
      </c>
      <c r="G20" s="46" t="s">
        <v>1693</v>
      </c>
      <c r="H20" s="31" t="s">
        <v>69</v>
      </c>
      <c r="J20" s="10" t="s">
        <v>980</v>
      </c>
      <c r="K20" s="10" t="s">
        <v>981</v>
      </c>
      <c r="N20" s="10" t="s">
        <v>88</v>
      </c>
      <c r="P20" s="46" t="s">
        <v>1694</v>
      </c>
    </row>
    <row r="21" spans="1:16" ht="189.95" customHeight="1">
      <c r="A21" s="10" t="s">
        <v>772</v>
      </c>
      <c r="B21" s="10" t="s">
        <v>975</v>
      </c>
      <c r="G21" s="46" t="s">
        <v>1698</v>
      </c>
      <c r="H21" s="31" t="s">
        <v>69</v>
      </c>
      <c r="J21" s="10" t="s">
        <v>982</v>
      </c>
      <c r="K21" s="10" t="s">
        <v>983</v>
      </c>
      <c r="N21" s="10" t="s">
        <v>88</v>
      </c>
      <c r="P21" s="46" t="s">
        <v>1699</v>
      </c>
    </row>
    <row r="22" spans="1:16" ht="220.5" customHeight="1">
      <c r="A22" s="10" t="s">
        <v>772</v>
      </c>
      <c r="B22" s="10" t="s">
        <v>975</v>
      </c>
      <c r="G22" s="10" t="s">
        <v>984</v>
      </c>
      <c r="H22" s="31" t="s">
        <v>69</v>
      </c>
      <c r="J22" s="10" t="s">
        <v>985</v>
      </c>
      <c r="K22" s="10" t="s">
        <v>1696</v>
      </c>
      <c r="N22" s="10" t="s">
        <v>88</v>
      </c>
      <c r="P22" s="10" t="s">
        <v>1695</v>
      </c>
    </row>
    <row r="23" spans="1:16" ht="213.75">
      <c r="A23" s="10" t="s">
        <v>772</v>
      </c>
      <c r="B23" s="14" t="s">
        <v>975</v>
      </c>
      <c r="C23" s="14"/>
      <c r="D23" s="14"/>
      <c r="E23" s="14"/>
      <c r="F23" s="14"/>
      <c r="G23" s="14" t="s">
        <v>986</v>
      </c>
      <c r="H23" s="26" t="s">
        <v>69</v>
      </c>
      <c r="I23" s="14"/>
      <c r="J23" s="14" t="s">
        <v>987</v>
      </c>
      <c r="K23" s="14" t="s">
        <v>988</v>
      </c>
      <c r="L23" s="14"/>
      <c r="M23" s="14"/>
      <c r="N23" s="14" t="s">
        <v>88</v>
      </c>
      <c r="O23" s="14"/>
      <c r="P23" s="14" t="s">
        <v>1500</v>
      </c>
    </row>
    <row r="24" spans="1:16" ht="374.25" customHeight="1">
      <c r="A24" s="28" t="s">
        <v>772</v>
      </c>
      <c r="B24" s="15" t="s">
        <v>989</v>
      </c>
      <c r="C24" s="15"/>
      <c r="D24" s="15"/>
      <c r="E24" s="15"/>
      <c r="F24" s="15"/>
      <c r="G24" s="15" t="s">
        <v>990</v>
      </c>
      <c r="H24" s="29" t="s">
        <v>69</v>
      </c>
      <c r="I24" s="15"/>
      <c r="J24" s="15" t="s">
        <v>1501</v>
      </c>
      <c r="K24" s="25" t="s">
        <v>1182</v>
      </c>
      <c r="L24" s="15"/>
      <c r="M24" s="15"/>
      <c r="N24" s="15" t="s">
        <v>88</v>
      </c>
      <c r="O24" s="15"/>
      <c r="P24" s="15" t="s">
        <v>1502</v>
      </c>
    </row>
    <row r="25" spans="1:16" ht="369" customHeight="1">
      <c r="A25" s="10" t="s">
        <v>772</v>
      </c>
      <c r="B25" s="14" t="s">
        <v>989</v>
      </c>
      <c r="C25" s="14"/>
      <c r="D25" s="14"/>
      <c r="E25" s="14"/>
      <c r="F25" s="14"/>
      <c r="G25" s="14" t="s">
        <v>992</v>
      </c>
      <c r="H25" s="26" t="s">
        <v>69</v>
      </c>
      <c r="I25" s="14"/>
      <c r="J25" s="14" t="s">
        <v>1503</v>
      </c>
      <c r="K25" s="25" t="s">
        <v>991</v>
      </c>
      <c r="L25" s="14"/>
      <c r="M25" s="14"/>
      <c r="N25" s="14" t="s">
        <v>88</v>
      </c>
      <c r="O25" s="14"/>
      <c r="P25" s="14" t="s">
        <v>1504</v>
      </c>
    </row>
    <row r="26" spans="1:16" ht="45">
      <c r="A26" s="10" t="s">
        <v>772</v>
      </c>
      <c r="B26" s="14" t="s">
        <v>993</v>
      </c>
      <c r="G26" s="46" t="s">
        <v>1702</v>
      </c>
      <c r="H26" s="10" t="s">
        <v>69</v>
      </c>
      <c r="J26" s="10" t="s">
        <v>994</v>
      </c>
      <c r="K26" s="10" t="s">
        <v>995</v>
      </c>
      <c r="N26" s="14" t="s">
        <v>88</v>
      </c>
      <c r="P26" s="92" t="s">
        <v>1505</v>
      </c>
    </row>
    <row r="27" spans="1:16" ht="55.5" customHeight="1">
      <c r="A27" s="10" t="s">
        <v>772</v>
      </c>
      <c r="B27" s="14" t="s">
        <v>993</v>
      </c>
      <c r="G27" s="10" t="s">
        <v>996</v>
      </c>
      <c r="H27" s="10" t="s">
        <v>69</v>
      </c>
      <c r="J27" s="10" t="s">
        <v>997</v>
      </c>
      <c r="K27" s="10" t="s">
        <v>998</v>
      </c>
      <c r="N27" s="14" t="s">
        <v>88</v>
      </c>
      <c r="P27" s="93"/>
    </row>
    <row r="28" spans="1:16" ht="36" customHeight="1">
      <c r="A28" s="10" t="s">
        <v>772</v>
      </c>
      <c r="B28" s="14" t="s">
        <v>993</v>
      </c>
      <c r="G28" s="10" t="s">
        <v>999</v>
      </c>
      <c r="H28" s="10" t="s">
        <v>69</v>
      </c>
      <c r="J28" s="10" t="s">
        <v>1000</v>
      </c>
      <c r="K28" s="10" t="s">
        <v>1001</v>
      </c>
      <c r="N28" s="14" t="s">
        <v>88</v>
      </c>
      <c r="P28" s="93"/>
    </row>
    <row r="29" spans="1:16" ht="32.25" customHeight="1">
      <c r="A29" s="10" t="s">
        <v>772</v>
      </c>
      <c r="B29" s="14" t="s">
        <v>993</v>
      </c>
      <c r="G29" s="10" t="s">
        <v>1002</v>
      </c>
      <c r="H29" s="10" t="s">
        <v>69</v>
      </c>
      <c r="J29" s="10" t="s">
        <v>1003</v>
      </c>
      <c r="K29" s="10" t="s">
        <v>1004</v>
      </c>
      <c r="N29" s="14" t="s">
        <v>88</v>
      </c>
      <c r="P29" s="93"/>
    </row>
    <row r="30" spans="1:16" ht="144" customHeight="1">
      <c r="A30" s="10" t="s">
        <v>772</v>
      </c>
      <c r="B30" s="14" t="s">
        <v>993</v>
      </c>
      <c r="G30" s="10" t="s">
        <v>1005</v>
      </c>
      <c r="H30" s="10" t="s">
        <v>69</v>
      </c>
      <c r="J30" s="10" t="s">
        <v>1003</v>
      </c>
      <c r="K30" s="10" t="s">
        <v>1006</v>
      </c>
      <c r="N30" s="14" t="s">
        <v>88</v>
      </c>
      <c r="P30" s="94"/>
    </row>
    <row r="31" spans="1:16" ht="45">
      <c r="A31" s="10" t="s">
        <v>772</v>
      </c>
      <c r="B31" s="14" t="s">
        <v>993</v>
      </c>
      <c r="G31" s="10" t="s">
        <v>372</v>
      </c>
      <c r="H31" s="10" t="s">
        <v>69</v>
      </c>
      <c r="J31" s="10" t="s">
        <v>392</v>
      </c>
      <c r="K31" s="10" t="s">
        <v>406</v>
      </c>
      <c r="N31" s="14" t="s">
        <v>88</v>
      </c>
      <c r="P31" s="95" t="s">
        <v>1506</v>
      </c>
    </row>
    <row r="32" spans="1:16" ht="36" customHeight="1">
      <c r="A32" s="10" t="s">
        <v>772</v>
      </c>
      <c r="B32" s="14" t="s">
        <v>993</v>
      </c>
      <c r="G32" s="10" t="s">
        <v>373</v>
      </c>
      <c r="H32" s="10" t="s">
        <v>69</v>
      </c>
      <c r="J32" s="10" t="s">
        <v>388</v>
      </c>
      <c r="K32" s="10" t="s">
        <v>404</v>
      </c>
      <c r="N32" s="14" t="s">
        <v>88</v>
      </c>
      <c r="P32" s="96"/>
    </row>
    <row r="33" spans="1:16" ht="30" customHeight="1">
      <c r="A33" s="10" t="s">
        <v>772</v>
      </c>
      <c r="B33" s="14" t="s">
        <v>993</v>
      </c>
      <c r="G33" s="10" t="s">
        <v>374</v>
      </c>
      <c r="H33" s="10" t="s">
        <v>69</v>
      </c>
      <c r="J33" s="10" t="s">
        <v>393</v>
      </c>
      <c r="K33" s="10" t="s">
        <v>405</v>
      </c>
      <c r="N33" s="14" t="s">
        <v>88</v>
      </c>
      <c r="P33" s="96"/>
    </row>
    <row r="34" spans="1:16" ht="33.75">
      <c r="A34" s="10" t="s">
        <v>772</v>
      </c>
      <c r="B34" s="14" t="s">
        <v>993</v>
      </c>
      <c r="G34" s="10" t="s">
        <v>375</v>
      </c>
      <c r="H34" s="10" t="s">
        <v>69</v>
      </c>
      <c r="J34" s="10" t="s">
        <v>394</v>
      </c>
      <c r="K34" s="10" t="s">
        <v>407</v>
      </c>
      <c r="N34" s="14" t="s">
        <v>88</v>
      </c>
      <c r="P34" s="96"/>
    </row>
    <row r="35" spans="1:16" ht="33.75">
      <c r="A35" s="10" t="s">
        <v>772</v>
      </c>
      <c r="B35" s="14" t="s">
        <v>993</v>
      </c>
      <c r="G35" s="10" t="s">
        <v>376</v>
      </c>
      <c r="H35" s="10" t="s">
        <v>69</v>
      </c>
      <c r="J35" s="10" t="s">
        <v>395</v>
      </c>
      <c r="K35" s="10" t="s">
        <v>408</v>
      </c>
      <c r="N35" s="14" t="s">
        <v>88</v>
      </c>
      <c r="P35" s="96"/>
    </row>
    <row r="36" spans="1:16" ht="67.5">
      <c r="A36" s="10" t="s">
        <v>772</v>
      </c>
      <c r="B36" s="14" t="s">
        <v>993</v>
      </c>
      <c r="G36" s="10" t="s">
        <v>377</v>
      </c>
      <c r="H36" s="10" t="s">
        <v>69</v>
      </c>
      <c r="J36" s="10" t="s">
        <v>396</v>
      </c>
      <c r="K36" s="10" t="s">
        <v>1007</v>
      </c>
      <c r="N36" s="14" t="s">
        <v>88</v>
      </c>
      <c r="P36" s="96"/>
    </row>
    <row r="37" spans="1:16" ht="33.75">
      <c r="A37" s="10" t="s">
        <v>772</v>
      </c>
      <c r="B37" s="14" t="s">
        <v>993</v>
      </c>
      <c r="G37" s="10" t="s">
        <v>378</v>
      </c>
      <c r="H37" s="10" t="s">
        <v>69</v>
      </c>
      <c r="J37" s="10" t="s">
        <v>397</v>
      </c>
      <c r="K37" s="10" t="s">
        <v>409</v>
      </c>
      <c r="N37" s="14" t="s">
        <v>88</v>
      </c>
      <c r="P37" s="96"/>
    </row>
    <row r="38" spans="1:16" ht="30" customHeight="1">
      <c r="A38" s="10" t="s">
        <v>772</v>
      </c>
      <c r="B38" s="14" t="s">
        <v>993</v>
      </c>
      <c r="G38" s="10" t="s">
        <v>379</v>
      </c>
      <c r="H38" s="10" t="s">
        <v>69</v>
      </c>
      <c r="J38" s="10" t="s">
        <v>398</v>
      </c>
      <c r="K38" s="10" t="s">
        <v>410</v>
      </c>
      <c r="N38" s="14" t="s">
        <v>88</v>
      </c>
      <c r="P38" s="96"/>
    </row>
    <row r="39" spans="1:16" ht="30" customHeight="1">
      <c r="A39" s="10" t="s">
        <v>772</v>
      </c>
      <c r="B39" s="14" t="s">
        <v>993</v>
      </c>
      <c r="G39" s="10" t="s">
        <v>380</v>
      </c>
      <c r="H39" s="10" t="s">
        <v>69</v>
      </c>
      <c r="J39" s="10" t="s">
        <v>399</v>
      </c>
      <c r="K39" s="10" t="s">
        <v>165</v>
      </c>
      <c r="N39" s="14" t="s">
        <v>88</v>
      </c>
      <c r="P39" s="96"/>
    </row>
    <row r="40" spans="1:16" ht="30" customHeight="1">
      <c r="A40" s="10" t="s">
        <v>772</v>
      </c>
      <c r="B40" s="14" t="s">
        <v>993</v>
      </c>
      <c r="G40" s="10" t="s">
        <v>381</v>
      </c>
      <c r="H40" s="10" t="s">
        <v>69</v>
      </c>
      <c r="J40" s="10" t="s">
        <v>400</v>
      </c>
      <c r="K40" s="10" t="s">
        <v>1008</v>
      </c>
      <c r="N40" s="14" t="s">
        <v>88</v>
      </c>
      <c r="P40" s="96"/>
    </row>
    <row r="41" spans="1:16" ht="70.5" customHeight="1">
      <c r="A41" s="10" t="s">
        <v>772</v>
      </c>
      <c r="B41" s="14" t="s">
        <v>993</v>
      </c>
      <c r="G41" s="10" t="s">
        <v>382</v>
      </c>
      <c r="H41" s="10" t="s">
        <v>69</v>
      </c>
      <c r="J41" s="10" t="s">
        <v>401</v>
      </c>
      <c r="K41" s="10" t="s">
        <v>1009</v>
      </c>
      <c r="N41" s="14" t="s">
        <v>88</v>
      </c>
      <c r="P41" s="96"/>
    </row>
    <row r="42" spans="1:16" ht="409.5">
      <c r="A42" s="10" t="s">
        <v>772</v>
      </c>
      <c r="B42" s="14" t="s">
        <v>993</v>
      </c>
      <c r="G42" s="10" t="s">
        <v>383</v>
      </c>
      <c r="H42" s="10" t="s">
        <v>69</v>
      </c>
      <c r="J42" s="10" t="s">
        <v>389</v>
      </c>
      <c r="K42" s="14" t="s">
        <v>1507</v>
      </c>
      <c r="N42" s="14" t="s">
        <v>88</v>
      </c>
      <c r="P42" s="96"/>
    </row>
    <row r="43" spans="1:16" ht="67.5">
      <c r="A43" s="10" t="s">
        <v>772</v>
      </c>
      <c r="B43" s="14" t="s">
        <v>993</v>
      </c>
      <c r="G43" s="10" t="s">
        <v>384</v>
      </c>
      <c r="H43" s="10" t="s">
        <v>69</v>
      </c>
      <c r="J43" s="10" t="s">
        <v>402</v>
      </c>
      <c r="K43" s="10" t="s">
        <v>411</v>
      </c>
      <c r="N43" s="14" t="s">
        <v>88</v>
      </c>
      <c r="P43" s="96"/>
    </row>
    <row r="44" spans="1:16" ht="31.5" customHeight="1">
      <c r="A44" s="10" t="s">
        <v>772</v>
      </c>
      <c r="B44" s="14" t="s">
        <v>993</v>
      </c>
      <c r="G44" s="46" t="s">
        <v>1701</v>
      </c>
      <c r="H44" s="10" t="s">
        <v>69</v>
      </c>
      <c r="J44" s="10" t="s">
        <v>390</v>
      </c>
      <c r="K44" s="10" t="s">
        <v>412</v>
      </c>
      <c r="N44" s="14" t="s">
        <v>88</v>
      </c>
      <c r="P44" s="96"/>
    </row>
    <row r="45" spans="1:16" ht="56.25">
      <c r="A45" s="10" t="s">
        <v>772</v>
      </c>
      <c r="B45" s="14" t="s">
        <v>993</v>
      </c>
      <c r="G45" s="10" t="s">
        <v>385</v>
      </c>
      <c r="H45" s="10" t="s">
        <v>69</v>
      </c>
      <c r="J45" s="10" t="s">
        <v>391</v>
      </c>
      <c r="K45" s="10" t="s">
        <v>413</v>
      </c>
      <c r="N45" s="14" t="s">
        <v>88</v>
      </c>
      <c r="P45" s="96"/>
    </row>
    <row r="46" spans="1:16" ht="68.25" customHeight="1">
      <c r="A46" s="10" t="s">
        <v>772</v>
      </c>
      <c r="B46" s="14" t="s">
        <v>993</v>
      </c>
      <c r="G46" s="10" t="s">
        <v>386</v>
      </c>
      <c r="H46" s="10" t="s">
        <v>69</v>
      </c>
      <c r="J46" s="10" t="s">
        <v>403</v>
      </c>
      <c r="K46" s="10" t="s">
        <v>414</v>
      </c>
      <c r="N46" s="14" t="s">
        <v>88</v>
      </c>
      <c r="P46" s="96"/>
    </row>
    <row r="47" spans="1:16" ht="169.5" customHeight="1">
      <c r="A47" s="10" t="s">
        <v>772</v>
      </c>
      <c r="B47" s="14" t="s">
        <v>993</v>
      </c>
      <c r="G47" s="10" t="s">
        <v>387</v>
      </c>
      <c r="H47" s="10" t="s">
        <v>69</v>
      </c>
      <c r="J47" s="10" t="s">
        <v>1010</v>
      </c>
      <c r="K47" s="10" t="s">
        <v>415</v>
      </c>
      <c r="N47" s="14" t="s">
        <v>88</v>
      </c>
      <c r="P47" s="97"/>
    </row>
    <row r="48" spans="1:16" ht="177" customHeight="1">
      <c r="A48" s="10" t="s">
        <v>772</v>
      </c>
      <c r="B48" s="10" t="s">
        <v>1011</v>
      </c>
      <c r="G48" s="10" t="s">
        <v>1012</v>
      </c>
      <c r="J48" s="10" t="s">
        <v>1013</v>
      </c>
      <c r="K48" s="10" t="s">
        <v>1014</v>
      </c>
      <c r="L48" s="30" t="s">
        <v>416</v>
      </c>
      <c r="N48" s="10" t="s">
        <v>88</v>
      </c>
      <c r="P48" s="10" t="s">
        <v>1015</v>
      </c>
    </row>
  </sheetData>
  <autoFilter ref="A1:P48"/>
  <mergeCells count="2">
    <mergeCell ref="P26:P30"/>
    <mergeCell ref="P31:P47"/>
  </mergeCells>
  <phoneticPr fontId="10"/>
  <conditionalFormatting sqref="M1">
    <cfRule type="expression" dxfId="188" priority="48">
      <formula>#REF!="Capability"</formula>
    </cfRule>
  </conditionalFormatting>
  <pageMargins left="0.7" right="0.7" top="0.75" bottom="0.75" header="0.3" footer="0.3"/>
  <pageSetup orientation="portrait" r:id="rId1"/>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92"/>
  <sheetViews>
    <sheetView tabSelected="1" zoomScale="115" zoomScaleNormal="115" workbookViewId="0">
      <pane xSplit="7" ySplit="1" topLeftCell="H83" activePane="bottomRight" state="frozen"/>
      <selection pane="topRight" activeCell="G1" sqref="G1"/>
      <selection pane="bottomLeft" activeCell="A2" sqref="A2"/>
      <selection pane="bottomRight" activeCell="G90" sqref="G90"/>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9.375" style="13" customWidth="1"/>
    <col min="6" max="6" width="10.625" style="13" customWidth="1"/>
    <col min="7" max="7" width="24.125"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56.25">
      <c r="A2" s="10" t="s">
        <v>773</v>
      </c>
      <c r="B2" s="10" t="s">
        <v>779</v>
      </c>
      <c r="E2" s="10" t="s">
        <v>2094</v>
      </c>
      <c r="F2" s="10" t="s">
        <v>2095</v>
      </c>
      <c r="G2" s="10" t="s">
        <v>2096</v>
      </c>
      <c r="H2" s="10" t="s">
        <v>15</v>
      </c>
      <c r="I2" s="10" t="s">
        <v>781</v>
      </c>
      <c r="J2" s="10" t="s">
        <v>782</v>
      </c>
      <c r="K2" s="10" t="s">
        <v>1609</v>
      </c>
      <c r="M2" s="10" t="s">
        <v>29</v>
      </c>
      <c r="N2" s="10" t="s">
        <v>1297</v>
      </c>
      <c r="O2" s="10" t="s">
        <v>42</v>
      </c>
    </row>
    <row r="3" spans="1:16" s="10" customFormat="1" ht="56.25">
      <c r="A3" s="10" t="s">
        <v>773</v>
      </c>
      <c r="B3" s="10" t="s">
        <v>20</v>
      </c>
      <c r="E3" s="10" t="s">
        <v>2097</v>
      </c>
      <c r="F3" s="10" t="s">
        <v>2098</v>
      </c>
      <c r="G3" s="10" t="s">
        <v>14</v>
      </c>
      <c r="H3" s="10" t="s">
        <v>15</v>
      </c>
      <c r="I3" s="10" t="s">
        <v>14</v>
      </c>
      <c r="J3" s="10" t="s">
        <v>1411</v>
      </c>
      <c r="K3" s="10" t="s">
        <v>24</v>
      </c>
      <c r="M3" s="10" t="s">
        <v>25</v>
      </c>
      <c r="N3" s="10" t="s">
        <v>1610</v>
      </c>
      <c r="O3" s="10" t="s">
        <v>42</v>
      </c>
      <c r="P3" s="98" t="s">
        <v>784</v>
      </c>
    </row>
    <row r="4" spans="1:16" s="10" customFormat="1" ht="45">
      <c r="A4" s="10" t="s">
        <v>773</v>
      </c>
      <c r="B4" s="10" t="s">
        <v>20</v>
      </c>
      <c r="E4" s="10" t="s">
        <v>2097</v>
      </c>
      <c r="F4" s="10" t="s">
        <v>2099</v>
      </c>
      <c r="G4" s="10" t="s">
        <v>16</v>
      </c>
      <c r="H4" s="10" t="s">
        <v>15</v>
      </c>
      <c r="I4" s="10" t="s">
        <v>16</v>
      </c>
      <c r="J4" s="10" t="s">
        <v>21</v>
      </c>
      <c r="K4" s="10" t="s">
        <v>26</v>
      </c>
      <c r="M4" s="10" t="s">
        <v>25</v>
      </c>
      <c r="N4" s="10" t="s">
        <v>1610</v>
      </c>
      <c r="O4" s="10" t="s">
        <v>42</v>
      </c>
      <c r="P4" s="103"/>
    </row>
    <row r="5" spans="1:16" s="10" customFormat="1" ht="33.75">
      <c r="A5" s="10" t="s">
        <v>773</v>
      </c>
      <c r="B5" s="10" t="s">
        <v>20</v>
      </c>
      <c r="E5" s="10" t="s">
        <v>2097</v>
      </c>
      <c r="F5" s="10" t="s">
        <v>2100</v>
      </c>
      <c r="G5" s="10" t="s">
        <v>17</v>
      </c>
      <c r="H5" s="10" t="s">
        <v>15</v>
      </c>
      <c r="I5" s="10" t="s">
        <v>17</v>
      </c>
      <c r="J5" s="10" t="s">
        <v>22</v>
      </c>
      <c r="K5" s="10" t="s">
        <v>27</v>
      </c>
      <c r="M5" s="10" t="s">
        <v>25</v>
      </c>
      <c r="N5" s="10" t="s">
        <v>1610</v>
      </c>
      <c r="O5" s="10" t="s">
        <v>42</v>
      </c>
      <c r="P5" s="103"/>
    </row>
    <row r="6" spans="1:16" s="10" customFormat="1" ht="56.25">
      <c r="A6" s="10" t="s">
        <v>773</v>
      </c>
      <c r="B6" s="10" t="s">
        <v>1611</v>
      </c>
      <c r="E6" s="10" t="s">
        <v>2094</v>
      </c>
      <c r="F6" s="10" t="s">
        <v>2101</v>
      </c>
      <c r="G6" s="10" t="s">
        <v>2102</v>
      </c>
      <c r="H6" s="10" t="s">
        <v>15</v>
      </c>
      <c r="I6" s="10" t="s">
        <v>18</v>
      </c>
      <c r="J6" s="10" t="s">
        <v>23</v>
      </c>
      <c r="K6" s="10" t="s">
        <v>28</v>
      </c>
      <c r="M6" s="10" t="s">
        <v>29</v>
      </c>
      <c r="N6" s="10" t="s">
        <v>783</v>
      </c>
      <c r="O6" s="10" t="s">
        <v>42</v>
      </c>
      <c r="P6" s="103"/>
    </row>
    <row r="7" spans="1:16" s="10" customFormat="1" ht="22.5">
      <c r="A7" s="10" t="s">
        <v>773</v>
      </c>
      <c r="B7" s="10" t="s">
        <v>1611</v>
      </c>
      <c r="E7" s="10" t="s">
        <v>2097</v>
      </c>
      <c r="F7" s="10" t="s">
        <v>2103</v>
      </c>
      <c r="G7" s="10" t="s">
        <v>19</v>
      </c>
      <c r="H7" s="10" t="s">
        <v>15</v>
      </c>
      <c r="I7" s="10" t="s">
        <v>19</v>
      </c>
      <c r="J7" s="10" t="s">
        <v>2104</v>
      </c>
      <c r="K7" s="10" t="s">
        <v>2105</v>
      </c>
      <c r="M7" s="10" t="s">
        <v>1386</v>
      </c>
      <c r="N7" s="10" t="s">
        <v>1610</v>
      </c>
      <c r="O7" s="10" t="s">
        <v>42</v>
      </c>
      <c r="P7" s="99"/>
    </row>
    <row r="8" spans="1:16" s="10" customFormat="1" ht="66" customHeight="1">
      <c r="A8" s="10" t="s">
        <v>773</v>
      </c>
      <c r="B8" s="10" t="s">
        <v>1611</v>
      </c>
      <c r="E8" s="10" t="s">
        <v>2094</v>
      </c>
      <c r="F8" s="10" t="s">
        <v>2106</v>
      </c>
      <c r="G8" s="10" t="s">
        <v>785</v>
      </c>
      <c r="H8" s="10" t="s">
        <v>15</v>
      </c>
      <c r="I8" s="10" t="s">
        <v>785</v>
      </c>
      <c r="J8" s="10" t="s">
        <v>786</v>
      </c>
      <c r="K8" s="10" t="s">
        <v>28</v>
      </c>
      <c r="M8" s="10" t="s">
        <v>1612</v>
      </c>
      <c r="N8" s="10" t="s">
        <v>783</v>
      </c>
      <c r="O8" s="10" t="s">
        <v>42</v>
      </c>
      <c r="P8" s="5" t="s">
        <v>790</v>
      </c>
    </row>
    <row r="9" spans="1:16" s="10" customFormat="1" ht="275.25" customHeight="1">
      <c r="A9" s="10" t="s">
        <v>773</v>
      </c>
      <c r="B9" s="10" t="s">
        <v>30</v>
      </c>
      <c r="E9" s="10" t="s">
        <v>2107</v>
      </c>
      <c r="F9" s="10" t="s">
        <v>2108</v>
      </c>
      <c r="G9" s="10" t="s">
        <v>31</v>
      </c>
      <c r="H9" s="10" t="s">
        <v>15</v>
      </c>
      <c r="I9" s="10" t="s">
        <v>31</v>
      </c>
      <c r="J9" s="10" t="s">
        <v>787</v>
      </c>
      <c r="K9" s="10" t="s">
        <v>789</v>
      </c>
      <c r="M9" s="10" t="s">
        <v>1386</v>
      </c>
      <c r="N9" s="10" t="s">
        <v>783</v>
      </c>
      <c r="O9" s="10" t="s">
        <v>42</v>
      </c>
      <c r="P9" s="5" t="s">
        <v>2569</v>
      </c>
    </row>
    <row r="10" spans="1:16" s="10" customFormat="1" ht="23.25" customHeight="1">
      <c r="A10" s="10" t="s">
        <v>773</v>
      </c>
      <c r="B10" s="10" t="s">
        <v>30</v>
      </c>
      <c r="E10" s="10" t="s">
        <v>2107</v>
      </c>
      <c r="F10" s="10" t="s">
        <v>2109</v>
      </c>
      <c r="G10" s="10" t="s">
        <v>1290</v>
      </c>
      <c r="H10" s="10" t="s">
        <v>1149</v>
      </c>
      <c r="I10" s="10" t="s">
        <v>1290</v>
      </c>
      <c r="J10" s="10" t="s">
        <v>1291</v>
      </c>
      <c r="K10" s="10" t="s">
        <v>1292</v>
      </c>
      <c r="M10" s="10" t="s">
        <v>1386</v>
      </c>
      <c r="N10" s="10" t="s">
        <v>783</v>
      </c>
      <c r="O10" s="10" t="s">
        <v>42</v>
      </c>
      <c r="P10" s="98" t="s">
        <v>1150</v>
      </c>
    </row>
    <row r="11" spans="1:16" s="10" customFormat="1" ht="22.5">
      <c r="A11" s="10" t="s">
        <v>773</v>
      </c>
      <c r="B11" s="10" t="s">
        <v>30</v>
      </c>
      <c r="E11" s="10" t="s">
        <v>2107</v>
      </c>
      <c r="F11" s="10" t="s">
        <v>2110</v>
      </c>
      <c r="G11" s="10" t="s">
        <v>1293</v>
      </c>
      <c r="H11" s="10" t="s">
        <v>1149</v>
      </c>
      <c r="I11" s="10" t="s">
        <v>1293</v>
      </c>
      <c r="J11" s="10" t="s">
        <v>1374</v>
      </c>
      <c r="K11" s="10" t="s">
        <v>1294</v>
      </c>
      <c r="M11" s="10" t="s">
        <v>1386</v>
      </c>
      <c r="N11" s="10" t="s">
        <v>783</v>
      </c>
      <c r="O11" s="10" t="s">
        <v>42</v>
      </c>
      <c r="P11" s="99"/>
    </row>
    <row r="12" spans="1:16" s="10" customFormat="1" ht="90">
      <c r="A12" s="10" t="s">
        <v>773</v>
      </c>
      <c r="B12" s="10" t="s">
        <v>30</v>
      </c>
      <c r="E12" s="10" t="s">
        <v>2111</v>
      </c>
      <c r="F12" s="10" t="s">
        <v>2112</v>
      </c>
      <c r="G12" s="10" t="s">
        <v>1295</v>
      </c>
      <c r="H12" s="10" t="s">
        <v>15</v>
      </c>
      <c r="I12" s="10" t="s">
        <v>1295</v>
      </c>
      <c r="J12" s="10" t="s">
        <v>2567</v>
      </c>
      <c r="K12" s="10" t="s">
        <v>1296</v>
      </c>
      <c r="M12" s="10" t="s">
        <v>1386</v>
      </c>
      <c r="N12" s="10" t="s">
        <v>1297</v>
      </c>
      <c r="O12" s="10" t="s">
        <v>42</v>
      </c>
      <c r="P12" s="5" t="s">
        <v>1298</v>
      </c>
    </row>
    <row r="13" spans="1:16" s="10" customFormat="1" ht="56.25">
      <c r="A13" s="10" t="s">
        <v>773</v>
      </c>
      <c r="B13" s="10" t="s">
        <v>30</v>
      </c>
      <c r="E13" s="10" t="s">
        <v>2094</v>
      </c>
      <c r="F13" s="10" t="s">
        <v>2113</v>
      </c>
      <c r="G13" s="10" t="s">
        <v>2114</v>
      </c>
      <c r="H13" s="10" t="s">
        <v>15</v>
      </c>
      <c r="I13" s="10" t="s">
        <v>32</v>
      </c>
      <c r="J13" s="10" t="s">
        <v>788</v>
      </c>
      <c r="K13" s="10" t="s">
        <v>33</v>
      </c>
      <c r="M13" s="10" t="s">
        <v>1386</v>
      </c>
      <c r="N13" s="10" t="s">
        <v>783</v>
      </c>
      <c r="O13" s="10" t="s">
        <v>42</v>
      </c>
      <c r="P13" s="5" t="s">
        <v>791</v>
      </c>
    </row>
    <row r="14" spans="1:16" s="10" customFormat="1" ht="101.25">
      <c r="A14" s="10" t="s">
        <v>773</v>
      </c>
      <c r="B14" s="10" t="s">
        <v>36</v>
      </c>
      <c r="E14" s="10" t="s">
        <v>2115</v>
      </c>
      <c r="F14" s="10" t="s">
        <v>2116</v>
      </c>
      <c r="G14" s="10" t="s">
        <v>2117</v>
      </c>
      <c r="H14" s="10" t="s">
        <v>15</v>
      </c>
      <c r="I14" s="10" t="s">
        <v>37</v>
      </c>
      <c r="J14" s="10" t="s">
        <v>793</v>
      </c>
      <c r="K14" s="14" t="s">
        <v>2570</v>
      </c>
      <c r="M14" s="5" t="s">
        <v>40</v>
      </c>
      <c r="N14" s="5" t="s">
        <v>41</v>
      </c>
      <c r="O14" s="5" t="s">
        <v>42</v>
      </c>
      <c r="P14" s="5" t="s">
        <v>797</v>
      </c>
    </row>
    <row r="15" spans="1:16" s="10" customFormat="1" ht="11.25">
      <c r="A15" s="20"/>
      <c r="B15" s="20"/>
      <c r="C15" s="20"/>
      <c r="D15" s="20"/>
      <c r="E15" s="20"/>
      <c r="F15" s="20"/>
      <c r="G15" s="20"/>
      <c r="H15" s="20"/>
      <c r="I15" s="20"/>
      <c r="J15" s="20"/>
      <c r="K15" s="20"/>
      <c r="L15" s="20"/>
      <c r="M15" s="41"/>
      <c r="N15" s="41"/>
      <c r="O15" s="41"/>
      <c r="P15" s="98" t="s">
        <v>1659</v>
      </c>
    </row>
    <row r="16" spans="1:16" s="10" customFormat="1" ht="22.5">
      <c r="A16" s="10" t="s">
        <v>773</v>
      </c>
      <c r="B16" s="10" t="s">
        <v>36</v>
      </c>
      <c r="E16" s="10" t="s">
        <v>2115</v>
      </c>
      <c r="F16" s="10" t="s">
        <v>2118</v>
      </c>
      <c r="G16" s="10" t="s">
        <v>1299</v>
      </c>
      <c r="H16" s="10" t="s">
        <v>15</v>
      </c>
      <c r="I16" s="10" t="s">
        <v>38</v>
      </c>
      <c r="J16" s="10" t="s">
        <v>2047</v>
      </c>
      <c r="K16" s="10" t="s">
        <v>780</v>
      </c>
      <c r="M16" s="5" t="s">
        <v>40</v>
      </c>
      <c r="N16" s="5" t="s">
        <v>41</v>
      </c>
      <c r="O16" s="5" t="s">
        <v>42</v>
      </c>
      <c r="P16" s="100"/>
    </row>
    <row r="17" spans="1:16" s="10" customFormat="1" ht="33" customHeight="1">
      <c r="A17" s="10" t="s">
        <v>773</v>
      </c>
      <c r="B17" s="10" t="s">
        <v>36</v>
      </c>
      <c r="E17" s="10" t="s">
        <v>2115</v>
      </c>
      <c r="F17" s="10" t="s">
        <v>2119</v>
      </c>
      <c r="G17" s="10" t="s">
        <v>794</v>
      </c>
      <c r="H17" s="10" t="s">
        <v>15</v>
      </c>
      <c r="I17" s="10" t="s">
        <v>794</v>
      </c>
      <c r="J17" s="10" t="s">
        <v>2571</v>
      </c>
      <c r="K17" s="10" t="s">
        <v>1613</v>
      </c>
      <c r="M17" s="5" t="s">
        <v>40</v>
      </c>
      <c r="N17" s="5" t="s">
        <v>41</v>
      </c>
      <c r="O17" s="5" t="s">
        <v>42</v>
      </c>
      <c r="P17" s="100"/>
    </row>
    <row r="18" spans="1:16" s="10" customFormat="1" ht="75.599999999999994" customHeight="1">
      <c r="A18" s="10" t="s">
        <v>773</v>
      </c>
      <c r="B18" s="10" t="s">
        <v>36</v>
      </c>
      <c r="E18" s="10" t="s">
        <v>2115</v>
      </c>
      <c r="F18" s="10" t="s">
        <v>2120</v>
      </c>
      <c r="G18" s="10" t="s">
        <v>795</v>
      </c>
      <c r="H18" s="10" t="s">
        <v>15</v>
      </c>
      <c r="I18" s="10" t="s">
        <v>795</v>
      </c>
      <c r="J18" s="10" t="s">
        <v>796</v>
      </c>
      <c r="K18" s="10" t="s">
        <v>1614</v>
      </c>
      <c r="M18" s="5" t="s">
        <v>40</v>
      </c>
      <c r="N18" s="5" t="s">
        <v>41</v>
      </c>
      <c r="O18" s="5" t="s">
        <v>42</v>
      </c>
      <c r="P18" s="101"/>
    </row>
    <row r="19" spans="1:16" s="10" customFormat="1" ht="45">
      <c r="A19" s="10" t="s">
        <v>773</v>
      </c>
      <c r="B19" s="10" t="s">
        <v>36</v>
      </c>
      <c r="E19" s="10" t="s">
        <v>2115</v>
      </c>
      <c r="F19" s="10" t="s">
        <v>2121</v>
      </c>
      <c r="G19" s="10" t="s">
        <v>1615</v>
      </c>
      <c r="H19" s="10" t="s">
        <v>1149</v>
      </c>
      <c r="I19" s="10" t="s">
        <v>1615</v>
      </c>
      <c r="J19" s="10" t="s">
        <v>1616</v>
      </c>
      <c r="K19" s="10" t="s">
        <v>1617</v>
      </c>
      <c r="M19" s="5" t="s">
        <v>40</v>
      </c>
      <c r="N19" s="5" t="s">
        <v>41</v>
      </c>
      <c r="O19" s="5" t="s">
        <v>42</v>
      </c>
      <c r="P19" s="90" t="s">
        <v>1618</v>
      </c>
    </row>
    <row r="20" spans="1:16" s="10" customFormat="1" ht="67.5">
      <c r="A20" s="10" t="s">
        <v>773</v>
      </c>
      <c r="B20" s="10" t="s">
        <v>36</v>
      </c>
      <c r="E20" s="10" t="s">
        <v>2122</v>
      </c>
      <c r="F20" s="10" t="s">
        <v>2123</v>
      </c>
      <c r="G20" s="10" t="s">
        <v>2124</v>
      </c>
      <c r="H20" s="10" t="s">
        <v>15</v>
      </c>
      <c r="I20" s="10" t="s">
        <v>39</v>
      </c>
      <c r="J20" s="10" t="s">
        <v>2048</v>
      </c>
      <c r="K20" s="10" t="s">
        <v>1619</v>
      </c>
      <c r="M20" s="5" t="s">
        <v>40</v>
      </c>
      <c r="N20" s="5" t="s">
        <v>41</v>
      </c>
      <c r="O20" s="5" t="s">
        <v>42</v>
      </c>
      <c r="P20" s="5" t="s">
        <v>1620</v>
      </c>
    </row>
    <row r="21" spans="1:16" s="10" customFormat="1" ht="191.25">
      <c r="A21" s="10" t="s">
        <v>773</v>
      </c>
      <c r="B21" s="10" t="s">
        <v>36</v>
      </c>
      <c r="E21" s="10" t="s">
        <v>2115</v>
      </c>
      <c r="F21" s="10" t="s">
        <v>2125</v>
      </c>
      <c r="G21" s="10" t="s">
        <v>2572</v>
      </c>
      <c r="H21" s="10" t="s">
        <v>15</v>
      </c>
      <c r="I21" s="10" t="s">
        <v>792</v>
      </c>
      <c r="J21" s="10" t="s">
        <v>2573</v>
      </c>
      <c r="K21" s="91" t="s">
        <v>2049</v>
      </c>
      <c r="M21" s="5" t="s">
        <v>40</v>
      </c>
      <c r="N21" s="5" t="s">
        <v>41</v>
      </c>
      <c r="O21" s="5" t="s">
        <v>42</v>
      </c>
      <c r="P21" s="5" t="s">
        <v>2574</v>
      </c>
    </row>
    <row r="22" spans="1:16" s="10" customFormat="1" ht="22.5">
      <c r="A22" s="10" t="s">
        <v>773</v>
      </c>
      <c r="B22" s="10" t="s">
        <v>20</v>
      </c>
      <c r="E22" s="10" t="s">
        <v>2126</v>
      </c>
      <c r="F22" s="10" t="s">
        <v>2127</v>
      </c>
      <c r="G22" s="10" t="s">
        <v>1300</v>
      </c>
      <c r="H22" s="10" t="s">
        <v>1149</v>
      </c>
      <c r="I22" s="10" t="s">
        <v>1300</v>
      </c>
      <c r="J22" s="10" t="s">
        <v>1301</v>
      </c>
      <c r="K22" s="10" t="s">
        <v>1302</v>
      </c>
      <c r="M22" s="5" t="s">
        <v>25</v>
      </c>
      <c r="N22" s="5" t="s">
        <v>1297</v>
      </c>
      <c r="O22" s="5" t="s">
        <v>42</v>
      </c>
      <c r="P22" s="98" t="s">
        <v>1303</v>
      </c>
    </row>
    <row r="23" spans="1:16" s="10" customFormat="1" ht="22.5">
      <c r="A23" s="10" t="s">
        <v>773</v>
      </c>
      <c r="B23" s="10" t="s">
        <v>20</v>
      </c>
      <c r="E23" s="10" t="s">
        <v>2126</v>
      </c>
      <c r="F23" s="10" t="s">
        <v>2128</v>
      </c>
      <c r="G23" s="10" t="s">
        <v>1304</v>
      </c>
      <c r="H23" s="10" t="s">
        <v>1149</v>
      </c>
      <c r="I23" s="10" t="s">
        <v>1304</v>
      </c>
      <c r="J23" s="10" t="s">
        <v>1305</v>
      </c>
      <c r="K23" s="10" t="s">
        <v>1387</v>
      </c>
      <c r="M23" s="5" t="s">
        <v>25</v>
      </c>
      <c r="N23" s="5" t="s">
        <v>1297</v>
      </c>
      <c r="O23" s="5" t="s">
        <v>42</v>
      </c>
      <c r="P23" s="99"/>
    </row>
    <row r="24" spans="1:16" s="10" customFormat="1" ht="33.75">
      <c r="A24" s="10" t="s">
        <v>773</v>
      </c>
      <c r="B24" s="10" t="s">
        <v>798</v>
      </c>
      <c r="E24" s="10" t="s">
        <v>2129</v>
      </c>
      <c r="F24" s="10" t="s">
        <v>2130</v>
      </c>
      <c r="G24" s="10" t="s">
        <v>2131</v>
      </c>
      <c r="H24" s="10" t="s">
        <v>15</v>
      </c>
      <c r="I24" s="10" t="s">
        <v>799</v>
      </c>
      <c r="J24" s="10" t="s">
        <v>800</v>
      </c>
      <c r="K24" s="10" t="s">
        <v>1166</v>
      </c>
      <c r="M24" s="5" t="s">
        <v>40</v>
      </c>
      <c r="N24" s="5" t="s">
        <v>41</v>
      </c>
      <c r="O24" s="5" t="s">
        <v>42</v>
      </c>
      <c r="P24" s="98" t="s">
        <v>2575</v>
      </c>
    </row>
    <row r="25" spans="1:16" s="10" customFormat="1" ht="33.75">
      <c r="A25" s="10" t="s">
        <v>773</v>
      </c>
      <c r="B25" s="10" t="s">
        <v>798</v>
      </c>
      <c r="E25" s="10" t="s">
        <v>2129</v>
      </c>
      <c r="F25" s="10" t="s">
        <v>2132</v>
      </c>
      <c r="G25" s="10" t="s">
        <v>801</v>
      </c>
      <c r="H25" s="10" t="s">
        <v>15</v>
      </c>
      <c r="I25" s="10" t="s">
        <v>801</v>
      </c>
      <c r="J25" s="10" t="s">
        <v>802</v>
      </c>
      <c r="K25" s="10" t="s">
        <v>1621</v>
      </c>
      <c r="M25" s="5" t="s">
        <v>40</v>
      </c>
      <c r="N25" s="5" t="s">
        <v>41</v>
      </c>
      <c r="O25" s="5" t="s">
        <v>42</v>
      </c>
      <c r="P25" s="99"/>
    </row>
    <row r="26" spans="1:16" s="10" customFormat="1" ht="67.5">
      <c r="A26" s="10" t="s">
        <v>773</v>
      </c>
      <c r="B26" s="10" t="s">
        <v>798</v>
      </c>
      <c r="E26" s="10" t="s">
        <v>2129</v>
      </c>
      <c r="F26" s="10" t="s">
        <v>2133</v>
      </c>
      <c r="G26" s="10" t="s">
        <v>1449</v>
      </c>
      <c r="H26" s="10" t="s">
        <v>1149</v>
      </c>
      <c r="I26" s="10" t="s">
        <v>1449</v>
      </c>
      <c r="J26" s="10" t="s">
        <v>1450</v>
      </c>
      <c r="K26" s="10" t="s">
        <v>1451</v>
      </c>
      <c r="M26" s="5" t="s">
        <v>832</v>
      </c>
      <c r="N26" s="10" t="s">
        <v>783</v>
      </c>
      <c r="O26" s="10" t="s">
        <v>42</v>
      </c>
      <c r="P26" s="10" t="s">
        <v>1452</v>
      </c>
    </row>
    <row r="27" spans="1:16" s="10" customFormat="1" ht="67.5">
      <c r="A27" s="10" t="s">
        <v>773</v>
      </c>
      <c r="B27" s="10" t="s">
        <v>798</v>
      </c>
      <c r="E27" s="10" t="s">
        <v>2129</v>
      </c>
      <c r="F27" s="10" t="s">
        <v>2134</v>
      </c>
      <c r="G27" s="10" t="s">
        <v>1453</v>
      </c>
      <c r="H27" s="10" t="s">
        <v>1149</v>
      </c>
      <c r="I27" s="10" t="s">
        <v>1453</v>
      </c>
      <c r="J27" s="10" t="s">
        <v>1454</v>
      </c>
      <c r="K27" s="10" t="s">
        <v>1455</v>
      </c>
      <c r="M27" s="5" t="s">
        <v>832</v>
      </c>
      <c r="N27" s="10" t="s">
        <v>783</v>
      </c>
      <c r="O27" s="10" t="s">
        <v>42</v>
      </c>
      <c r="P27" s="10" t="s">
        <v>1456</v>
      </c>
    </row>
    <row r="28" spans="1:16" s="10" customFormat="1" ht="63.6" customHeight="1">
      <c r="A28" s="10" t="s">
        <v>773</v>
      </c>
      <c r="B28" s="10" t="s">
        <v>1457</v>
      </c>
      <c r="E28" s="10" t="s">
        <v>2122</v>
      </c>
      <c r="F28" s="10" t="s">
        <v>2135</v>
      </c>
      <c r="G28" s="10" t="s">
        <v>1458</v>
      </c>
      <c r="H28" s="10" t="s">
        <v>1149</v>
      </c>
      <c r="I28" s="10" t="s">
        <v>1458</v>
      </c>
      <c r="J28" s="10" t="s">
        <v>1459</v>
      </c>
      <c r="K28" s="10" t="s">
        <v>1460</v>
      </c>
      <c r="M28" s="5" t="s">
        <v>832</v>
      </c>
      <c r="N28" s="10" t="s">
        <v>783</v>
      </c>
      <c r="O28" s="10" t="s">
        <v>42</v>
      </c>
      <c r="P28" s="98" t="s">
        <v>1622</v>
      </c>
    </row>
    <row r="29" spans="1:16" s="10" customFormat="1" ht="63.6" customHeight="1">
      <c r="A29" s="10" t="s">
        <v>773</v>
      </c>
      <c r="B29" s="10" t="s">
        <v>1457</v>
      </c>
      <c r="E29" s="10" t="s">
        <v>2135</v>
      </c>
      <c r="F29" s="10" t="s">
        <v>2136</v>
      </c>
      <c r="G29" s="10" t="s">
        <v>1461</v>
      </c>
      <c r="H29" s="10" t="s">
        <v>1149</v>
      </c>
      <c r="I29" s="10" t="s">
        <v>1461</v>
      </c>
      <c r="J29" s="10" t="s">
        <v>1462</v>
      </c>
      <c r="K29" s="10" t="s">
        <v>1463</v>
      </c>
      <c r="M29" s="5" t="s">
        <v>832</v>
      </c>
      <c r="N29" s="10" t="s">
        <v>783</v>
      </c>
      <c r="O29" s="10" t="s">
        <v>42</v>
      </c>
      <c r="P29" s="101"/>
    </row>
    <row r="30" spans="1:16" s="10" customFormat="1" ht="33.75">
      <c r="A30" s="10" t="s">
        <v>773</v>
      </c>
      <c r="B30" s="10" t="s">
        <v>1457</v>
      </c>
      <c r="E30" s="10" t="s">
        <v>2122</v>
      </c>
      <c r="F30" s="10" t="s">
        <v>2137</v>
      </c>
      <c r="G30" s="10" t="s">
        <v>1464</v>
      </c>
      <c r="H30" s="10" t="s">
        <v>1149</v>
      </c>
      <c r="I30" s="10" t="s">
        <v>1464</v>
      </c>
      <c r="J30" s="10" t="s">
        <v>1465</v>
      </c>
      <c r="K30" s="10" t="s">
        <v>1466</v>
      </c>
      <c r="M30" s="5" t="s">
        <v>832</v>
      </c>
      <c r="N30" s="10" t="s">
        <v>783</v>
      </c>
      <c r="O30" s="10" t="s">
        <v>42</v>
      </c>
      <c r="P30" s="5"/>
    </row>
    <row r="31" spans="1:16" s="10" customFormat="1" ht="146.25">
      <c r="A31" s="10" t="s">
        <v>773</v>
      </c>
      <c r="B31" s="10" t="s">
        <v>43</v>
      </c>
      <c r="E31" s="10" t="s">
        <v>2138</v>
      </c>
      <c r="F31" s="10" t="s">
        <v>2139</v>
      </c>
      <c r="G31" s="10" t="s">
        <v>2140</v>
      </c>
      <c r="H31" s="10" t="s">
        <v>15</v>
      </c>
      <c r="I31" s="10" t="s">
        <v>44</v>
      </c>
      <c r="J31" s="10" t="s">
        <v>45</v>
      </c>
      <c r="K31" s="10" t="s">
        <v>1306</v>
      </c>
      <c r="M31" s="5" t="s">
        <v>46</v>
      </c>
      <c r="N31" s="5" t="s">
        <v>41</v>
      </c>
      <c r="O31" s="5" t="s">
        <v>42</v>
      </c>
      <c r="P31" s="5" t="s">
        <v>47</v>
      </c>
    </row>
    <row r="32" spans="1:16" s="10" customFormat="1" ht="123.75">
      <c r="A32" s="10" t="s">
        <v>773</v>
      </c>
      <c r="B32" s="10" t="s">
        <v>43</v>
      </c>
      <c r="E32" s="10" t="s">
        <v>2138</v>
      </c>
      <c r="F32" s="10" t="s">
        <v>2141</v>
      </c>
      <c r="G32" s="10" t="s">
        <v>1151</v>
      </c>
      <c r="H32" s="10" t="s">
        <v>1149</v>
      </c>
      <c r="I32" s="10" t="s">
        <v>1151</v>
      </c>
      <c r="J32" s="10" t="s">
        <v>1152</v>
      </c>
      <c r="K32" s="5" t="s">
        <v>1153</v>
      </c>
      <c r="M32" s="5" t="s">
        <v>46</v>
      </c>
      <c r="N32" s="5" t="s">
        <v>41</v>
      </c>
      <c r="O32" s="5" t="s">
        <v>42</v>
      </c>
      <c r="P32" s="5" t="s">
        <v>1154</v>
      </c>
    </row>
    <row r="33" spans="1:16" s="10" customFormat="1" ht="123.75">
      <c r="A33" s="10" t="s">
        <v>773</v>
      </c>
      <c r="B33" s="10" t="s">
        <v>43</v>
      </c>
      <c r="E33" s="10" t="s">
        <v>2138</v>
      </c>
      <c r="F33" s="10" t="s">
        <v>2142</v>
      </c>
      <c r="G33" s="10" t="s">
        <v>1371</v>
      </c>
      <c r="H33" s="10" t="s">
        <v>66</v>
      </c>
      <c r="I33" s="10" t="s">
        <v>1371</v>
      </c>
      <c r="J33" s="10" t="s">
        <v>1372</v>
      </c>
      <c r="K33" s="5" t="s">
        <v>2050</v>
      </c>
      <c r="M33" s="5" t="s">
        <v>832</v>
      </c>
      <c r="N33" s="5" t="s">
        <v>41</v>
      </c>
      <c r="O33" s="5" t="s">
        <v>64</v>
      </c>
      <c r="P33" s="5" t="s">
        <v>1660</v>
      </c>
    </row>
    <row r="34" spans="1:16" s="10" customFormat="1" ht="202.5">
      <c r="A34" s="10" t="s">
        <v>773</v>
      </c>
      <c r="B34" s="10" t="s">
        <v>43</v>
      </c>
      <c r="E34" s="10" t="s">
        <v>2138</v>
      </c>
      <c r="F34" s="10" t="s">
        <v>2143</v>
      </c>
      <c r="G34" s="10" t="s">
        <v>803</v>
      </c>
      <c r="H34" s="10" t="s">
        <v>15</v>
      </c>
      <c r="I34" s="10" t="s">
        <v>803</v>
      </c>
      <c r="J34" s="10" t="s">
        <v>956</v>
      </c>
      <c r="K34" s="10" t="s">
        <v>1166</v>
      </c>
      <c r="M34" s="5" t="s">
        <v>40</v>
      </c>
      <c r="N34" s="5" t="s">
        <v>41</v>
      </c>
      <c r="O34" s="5" t="s">
        <v>42</v>
      </c>
      <c r="P34" s="5" t="s">
        <v>2144</v>
      </c>
    </row>
    <row r="35" spans="1:16" s="10" customFormat="1" ht="33.75">
      <c r="A35" s="10" t="s">
        <v>773</v>
      </c>
      <c r="B35" s="10" t="s">
        <v>43</v>
      </c>
      <c r="E35" s="10" t="s">
        <v>2138</v>
      </c>
      <c r="F35" s="10" t="s">
        <v>2145</v>
      </c>
      <c r="G35" s="10" t="s">
        <v>1155</v>
      </c>
      <c r="H35" s="10" t="s">
        <v>1149</v>
      </c>
      <c r="I35" s="10" t="s">
        <v>1155</v>
      </c>
      <c r="J35" s="5" t="s">
        <v>1156</v>
      </c>
      <c r="K35" s="5" t="s">
        <v>1157</v>
      </c>
      <c r="M35" s="5" t="s">
        <v>40</v>
      </c>
      <c r="N35" s="5" t="s">
        <v>41</v>
      </c>
      <c r="O35" s="5" t="s">
        <v>42</v>
      </c>
      <c r="P35" s="88" t="s">
        <v>1158</v>
      </c>
    </row>
    <row r="36" spans="1:16" s="10" customFormat="1" ht="22.5">
      <c r="A36" s="10" t="s">
        <v>773</v>
      </c>
      <c r="B36" s="10" t="s">
        <v>48</v>
      </c>
      <c r="E36" s="10" t="s">
        <v>2146</v>
      </c>
      <c r="F36" s="10" t="s">
        <v>2147</v>
      </c>
      <c r="G36" s="10" t="s">
        <v>2148</v>
      </c>
      <c r="H36" s="10" t="s">
        <v>15</v>
      </c>
      <c r="I36" s="10" t="s">
        <v>49</v>
      </c>
      <c r="J36" s="10" t="s">
        <v>50</v>
      </c>
      <c r="K36" s="10" t="s">
        <v>52</v>
      </c>
      <c r="M36" s="5" t="s">
        <v>1623</v>
      </c>
      <c r="N36" s="5" t="s">
        <v>1624</v>
      </c>
      <c r="O36" s="5" t="s">
        <v>42</v>
      </c>
      <c r="P36" s="98" t="s">
        <v>816</v>
      </c>
    </row>
    <row r="37" spans="1:16" s="10" customFormat="1" ht="22.5">
      <c r="A37" s="10" t="s">
        <v>773</v>
      </c>
      <c r="B37" s="10" t="s">
        <v>48</v>
      </c>
      <c r="E37" s="10" t="s">
        <v>2146</v>
      </c>
      <c r="F37" s="10" t="s">
        <v>2149</v>
      </c>
      <c r="G37" s="10" t="s">
        <v>2150</v>
      </c>
      <c r="H37" s="10" t="s">
        <v>15</v>
      </c>
      <c r="I37" s="10" t="s">
        <v>807</v>
      </c>
      <c r="J37" s="10" t="s">
        <v>808</v>
      </c>
      <c r="K37" s="10" t="s">
        <v>53</v>
      </c>
      <c r="M37" s="5" t="s">
        <v>1623</v>
      </c>
      <c r="N37" s="5" t="s">
        <v>1624</v>
      </c>
      <c r="O37" s="5" t="s">
        <v>42</v>
      </c>
      <c r="P37" s="103"/>
    </row>
    <row r="38" spans="1:16" s="10" customFormat="1" ht="22.5">
      <c r="A38" s="10" t="s">
        <v>773</v>
      </c>
      <c r="B38" s="10" t="s">
        <v>48</v>
      </c>
      <c r="E38" s="10" t="s">
        <v>2146</v>
      </c>
      <c r="F38" s="10" t="s">
        <v>2151</v>
      </c>
      <c r="G38" s="10" t="s">
        <v>804</v>
      </c>
      <c r="H38" s="10" t="s">
        <v>15</v>
      </c>
      <c r="I38" s="10" t="s">
        <v>804</v>
      </c>
      <c r="J38" s="10" t="s">
        <v>809</v>
      </c>
      <c r="K38" s="10" t="s">
        <v>53</v>
      </c>
      <c r="M38" s="5" t="s">
        <v>1623</v>
      </c>
      <c r="N38" s="5" t="s">
        <v>1624</v>
      </c>
      <c r="O38" s="5" t="s">
        <v>42</v>
      </c>
      <c r="P38" s="103"/>
    </row>
    <row r="39" spans="1:16" s="10" customFormat="1" ht="22.5">
      <c r="A39" s="10" t="s">
        <v>773</v>
      </c>
      <c r="B39" s="10" t="s">
        <v>48</v>
      </c>
      <c r="E39" s="10" t="s">
        <v>2146</v>
      </c>
      <c r="F39" s="10" t="s">
        <v>2152</v>
      </c>
      <c r="G39" s="10" t="s">
        <v>810</v>
      </c>
      <c r="H39" s="10" t="s">
        <v>15</v>
      </c>
      <c r="I39" s="10" t="s">
        <v>810</v>
      </c>
      <c r="J39" s="10" t="s">
        <v>811</v>
      </c>
      <c r="K39" s="10" t="s">
        <v>1625</v>
      </c>
      <c r="M39" s="5" t="s">
        <v>1623</v>
      </c>
      <c r="N39" s="5" t="s">
        <v>1624</v>
      </c>
      <c r="O39" s="5" t="s">
        <v>42</v>
      </c>
      <c r="P39" s="103"/>
    </row>
    <row r="40" spans="1:16" s="10" customFormat="1" ht="22.5">
      <c r="A40" s="10" t="s">
        <v>773</v>
      </c>
      <c r="B40" s="10" t="s">
        <v>48</v>
      </c>
      <c r="E40" s="10" t="s">
        <v>2146</v>
      </c>
      <c r="F40" s="10" t="s">
        <v>2153</v>
      </c>
      <c r="G40" s="10" t="s">
        <v>805</v>
      </c>
      <c r="H40" s="10" t="s">
        <v>15</v>
      </c>
      <c r="I40" s="10" t="s">
        <v>805</v>
      </c>
      <c r="J40" s="10" t="s">
        <v>812</v>
      </c>
      <c r="K40" s="10" t="s">
        <v>1626</v>
      </c>
      <c r="L40" s="10" t="s">
        <v>1627</v>
      </c>
      <c r="M40" s="5" t="s">
        <v>1623</v>
      </c>
      <c r="N40" s="5" t="s">
        <v>1624</v>
      </c>
      <c r="O40" s="5" t="s">
        <v>42</v>
      </c>
      <c r="P40" s="103"/>
    </row>
    <row r="41" spans="1:16" s="10" customFormat="1" ht="22.5">
      <c r="A41" s="10" t="s">
        <v>773</v>
      </c>
      <c r="B41" s="10" t="s">
        <v>48</v>
      </c>
      <c r="E41" s="10" t="s">
        <v>2146</v>
      </c>
      <c r="F41" s="10" t="s">
        <v>2154</v>
      </c>
      <c r="G41" s="10" t="s">
        <v>2155</v>
      </c>
      <c r="H41" s="10" t="s">
        <v>15</v>
      </c>
      <c r="I41" s="10" t="s">
        <v>806</v>
      </c>
      <c r="J41" s="10" t="s">
        <v>2568</v>
      </c>
      <c r="K41" s="10" t="s">
        <v>54</v>
      </c>
      <c r="L41" s="10" t="s">
        <v>1627</v>
      </c>
      <c r="M41" s="5" t="s">
        <v>1623</v>
      </c>
      <c r="N41" s="5" t="s">
        <v>1624</v>
      </c>
      <c r="O41" s="5" t="s">
        <v>42</v>
      </c>
      <c r="P41" s="103"/>
    </row>
    <row r="42" spans="1:16" s="10" customFormat="1" ht="22.5">
      <c r="A42" s="10" t="s">
        <v>773</v>
      </c>
      <c r="B42" s="10" t="s">
        <v>48</v>
      </c>
      <c r="E42" s="10" t="s">
        <v>2146</v>
      </c>
      <c r="F42" s="10" t="s">
        <v>2156</v>
      </c>
      <c r="G42" s="10" t="s">
        <v>813</v>
      </c>
      <c r="H42" s="10" t="s">
        <v>15</v>
      </c>
      <c r="I42" s="10" t="s">
        <v>813</v>
      </c>
      <c r="J42" s="10" t="s">
        <v>814</v>
      </c>
      <c r="K42" s="10" t="s">
        <v>54</v>
      </c>
      <c r="L42" s="10" t="s">
        <v>1627</v>
      </c>
      <c r="M42" s="5" t="s">
        <v>1623</v>
      </c>
      <c r="N42" s="5" t="s">
        <v>1624</v>
      </c>
      <c r="O42" s="5" t="s">
        <v>42</v>
      </c>
      <c r="P42" s="99"/>
    </row>
    <row r="43" spans="1:16" s="10" customFormat="1" ht="146.25">
      <c r="A43" s="10" t="s">
        <v>773</v>
      </c>
      <c r="B43" s="10" t="s">
        <v>48</v>
      </c>
      <c r="E43" s="10" t="s">
        <v>2115</v>
      </c>
      <c r="F43" s="10" t="s">
        <v>2157</v>
      </c>
      <c r="G43" s="10" t="s">
        <v>51</v>
      </c>
      <c r="H43" s="10" t="s">
        <v>15</v>
      </c>
      <c r="I43" s="10" t="s">
        <v>51</v>
      </c>
      <c r="J43" s="10" t="s">
        <v>2051</v>
      </c>
      <c r="K43" s="10" t="s">
        <v>815</v>
      </c>
      <c r="M43" s="5" t="s">
        <v>1623</v>
      </c>
      <c r="N43" s="5" t="s">
        <v>1624</v>
      </c>
      <c r="O43" s="5" t="s">
        <v>42</v>
      </c>
      <c r="P43" s="5" t="s">
        <v>1661</v>
      </c>
    </row>
    <row r="44" spans="1:16" s="10" customFormat="1" ht="22.5">
      <c r="A44" s="10" t="s">
        <v>773</v>
      </c>
      <c r="B44" s="10" t="s">
        <v>48</v>
      </c>
      <c r="E44" s="10" t="s">
        <v>2158</v>
      </c>
      <c r="F44" s="10" t="s">
        <v>2159</v>
      </c>
      <c r="G44" s="10" t="s">
        <v>1628</v>
      </c>
      <c r="H44" s="10" t="s">
        <v>15</v>
      </c>
      <c r="I44" s="10" t="s">
        <v>1628</v>
      </c>
      <c r="J44" s="10" t="s">
        <v>1629</v>
      </c>
      <c r="K44" s="10" t="s">
        <v>53</v>
      </c>
      <c r="M44" s="5" t="s">
        <v>1386</v>
      </c>
      <c r="N44" s="5" t="s">
        <v>1624</v>
      </c>
      <c r="O44" s="5" t="s">
        <v>42</v>
      </c>
      <c r="P44" s="98" t="s">
        <v>1630</v>
      </c>
    </row>
    <row r="45" spans="1:16" s="10" customFormat="1" ht="22.5">
      <c r="A45" s="10" t="s">
        <v>773</v>
      </c>
      <c r="B45" s="10" t="s">
        <v>48</v>
      </c>
      <c r="E45" s="10" t="s">
        <v>2158</v>
      </c>
      <c r="F45" s="10" t="s">
        <v>2160</v>
      </c>
      <c r="G45" s="10" t="s">
        <v>1631</v>
      </c>
      <c r="H45" s="10" t="s">
        <v>15</v>
      </c>
      <c r="I45" s="10" t="s">
        <v>1631</v>
      </c>
      <c r="J45" s="10" t="s">
        <v>1632</v>
      </c>
      <c r="K45" s="10" t="s">
        <v>1626</v>
      </c>
      <c r="L45" s="10" t="s">
        <v>1627</v>
      </c>
      <c r="M45" s="5" t="s">
        <v>1386</v>
      </c>
      <c r="N45" s="5" t="s">
        <v>1624</v>
      </c>
      <c r="O45" s="5" t="s">
        <v>42</v>
      </c>
      <c r="P45" s="101"/>
    </row>
    <row r="46" spans="1:16" s="10" customFormat="1" ht="33.75">
      <c r="A46" s="10" t="s">
        <v>773</v>
      </c>
      <c r="B46" s="10" t="s">
        <v>55</v>
      </c>
      <c r="E46" s="10" t="s">
        <v>2161</v>
      </c>
      <c r="F46" s="10" t="s">
        <v>2162</v>
      </c>
      <c r="G46" s="10" t="s">
        <v>2163</v>
      </c>
      <c r="H46" s="10" t="s">
        <v>15</v>
      </c>
      <c r="I46" s="10" t="s">
        <v>818</v>
      </c>
      <c r="J46" s="10" t="s">
        <v>1159</v>
      </c>
      <c r="K46" s="10" t="s">
        <v>571</v>
      </c>
      <c r="M46" s="5" t="s">
        <v>56</v>
      </c>
      <c r="N46" s="5" t="s">
        <v>57</v>
      </c>
      <c r="O46" s="5">
        <v>38.331000000000003</v>
      </c>
      <c r="P46" s="5" t="s">
        <v>58</v>
      </c>
    </row>
    <row r="47" spans="1:16" s="10" customFormat="1" ht="157.5">
      <c r="A47" s="10" t="s">
        <v>773</v>
      </c>
      <c r="B47" s="10" t="s">
        <v>1160</v>
      </c>
      <c r="E47" s="10" t="s">
        <v>2161</v>
      </c>
      <c r="F47" s="10" t="s">
        <v>2164</v>
      </c>
      <c r="G47" s="10" t="s">
        <v>1161</v>
      </c>
      <c r="H47" s="10" t="s">
        <v>15</v>
      </c>
      <c r="I47" s="10" t="s">
        <v>817</v>
      </c>
      <c r="J47" s="10" t="s">
        <v>1633</v>
      </c>
      <c r="K47" s="10" t="s">
        <v>2165</v>
      </c>
      <c r="M47" s="5" t="s">
        <v>56</v>
      </c>
      <c r="N47" s="5" t="s">
        <v>57</v>
      </c>
      <c r="O47" s="5">
        <v>38.331000000000003</v>
      </c>
      <c r="P47" s="5" t="s">
        <v>1662</v>
      </c>
    </row>
    <row r="48" spans="1:16" s="10" customFormat="1" ht="101.25">
      <c r="A48" s="10" t="s">
        <v>773</v>
      </c>
      <c r="B48" s="10" t="s">
        <v>59</v>
      </c>
      <c r="E48" s="10" t="s">
        <v>2166</v>
      </c>
      <c r="F48" s="10" t="s">
        <v>2167</v>
      </c>
      <c r="G48" s="10" t="s">
        <v>1307</v>
      </c>
      <c r="H48" s="10" t="s">
        <v>1149</v>
      </c>
      <c r="I48" s="10" t="s">
        <v>1307</v>
      </c>
      <c r="J48" s="10" t="s">
        <v>1308</v>
      </c>
      <c r="K48" s="10" t="s">
        <v>1309</v>
      </c>
      <c r="M48" s="5" t="s">
        <v>1407</v>
      </c>
      <c r="N48" s="5" t="s">
        <v>887</v>
      </c>
      <c r="O48" s="5" t="s">
        <v>42</v>
      </c>
      <c r="P48" s="89" t="s">
        <v>1310</v>
      </c>
    </row>
    <row r="49" spans="1:16" s="10" customFormat="1" ht="33.75">
      <c r="A49" s="10" t="s">
        <v>773</v>
      </c>
      <c r="B49" s="10" t="s">
        <v>59</v>
      </c>
      <c r="E49" s="10" t="s">
        <v>2166</v>
      </c>
      <c r="F49" s="10" t="s">
        <v>2168</v>
      </c>
      <c r="G49" s="10" t="s">
        <v>2169</v>
      </c>
      <c r="H49" s="10" t="s">
        <v>15</v>
      </c>
      <c r="I49" s="10" t="s">
        <v>60</v>
      </c>
      <c r="J49" s="10" t="s">
        <v>2576</v>
      </c>
      <c r="K49" s="10" t="s">
        <v>2577</v>
      </c>
      <c r="M49" s="5" t="s">
        <v>1407</v>
      </c>
      <c r="N49" s="5" t="s">
        <v>887</v>
      </c>
      <c r="O49" s="5" t="s">
        <v>42</v>
      </c>
      <c r="P49" s="98" t="s">
        <v>2578</v>
      </c>
    </row>
    <row r="50" spans="1:16" s="10" customFormat="1" ht="149.1" customHeight="1">
      <c r="A50" s="10" t="s">
        <v>773</v>
      </c>
      <c r="B50" s="10" t="s">
        <v>59</v>
      </c>
      <c r="E50" s="10" t="s">
        <v>2166</v>
      </c>
      <c r="F50" s="10" t="s">
        <v>2170</v>
      </c>
      <c r="G50" s="10" t="s">
        <v>61</v>
      </c>
      <c r="H50" s="10" t="s">
        <v>15</v>
      </c>
      <c r="I50" s="10" t="s">
        <v>61</v>
      </c>
      <c r="J50" s="10" t="s">
        <v>1663</v>
      </c>
      <c r="K50" s="10" t="s">
        <v>2052</v>
      </c>
      <c r="M50" s="5" t="s">
        <v>1407</v>
      </c>
      <c r="N50" s="5" t="s">
        <v>887</v>
      </c>
      <c r="O50" s="5" t="s">
        <v>42</v>
      </c>
      <c r="P50" s="103"/>
    </row>
    <row r="51" spans="1:16" s="10" customFormat="1" ht="149.1" customHeight="1">
      <c r="A51" s="10" t="s">
        <v>773</v>
      </c>
      <c r="B51" s="10" t="s">
        <v>59</v>
      </c>
      <c r="E51" s="10" t="s">
        <v>2166</v>
      </c>
      <c r="F51" s="10" t="s">
        <v>2171</v>
      </c>
      <c r="G51" s="10" t="s">
        <v>1373</v>
      </c>
      <c r="H51" s="10" t="s">
        <v>15</v>
      </c>
      <c r="I51" s="10" t="s">
        <v>1373</v>
      </c>
      <c r="J51" s="10" t="s">
        <v>1664</v>
      </c>
      <c r="K51" s="10" t="s">
        <v>2053</v>
      </c>
      <c r="M51" s="5" t="s">
        <v>1407</v>
      </c>
      <c r="N51" s="5" t="s">
        <v>887</v>
      </c>
      <c r="O51" s="5" t="s">
        <v>42</v>
      </c>
      <c r="P51" s="103"/>
    </row>
    <row r="52" spans="1:16" s="10" customFormat="1" ht="149.1" customHeight="1">
      <c r="A52" s="10" t="s">
        <v>773</v>
      </c>
      <c r="B52" s="10" t="s">
        <v>59</v>
      </c>
      <c r="E52" s="10" t="s">
        <v>2166</v>
      </c>
      <c r="F52" s="10" t="s">
        <v>2172</v>
      </c>
      <c r="G52" s="10" t="s">
        <v>62</v>
      </c>
      <c r="H52" s="10" t="s">
        <v>15</v>
      </c>
      <c r="I52" s="10" t="s">
        <v>62</v>
      </c>
      <c r="J52" s="10" t="s">
        <v>1665</v>
      </c>
      <c r="K52" s="10" t="s">
        <v>2054</v>
      </c>
      <c r="M52" s="5" t="s">
        <v>1407</v>
      </c>
      <c r="N52" s="5" t="s">
        <v>887</v>
      </c>
      <c r="O52" s="5" t="s">
        <v>42</v>
      </c>
      <c r="P52" s="101"/>
    </row>
    <row r="53" spans="1:16" s="10" customFormat="1" ht="258.75">
      <c r="A53" s="10" t="s">
        <v>773</v>
      </c>
      <c r="B53" s="10" t="s">
        <v>59</v>
      </c>
      <c r="E53" s="10" t="s">
        <v>2166</v>
      </c>
      <c r="F53" s="10" t="s">
        <v>2173</v>
      </c>
      <c r="G53" s="10" t="s">
        <v>1311</v>
      </c>
      <c r="H53" s="10" t="s">
        <v>1149</v>
      </c>
      <c r="I53" s="10" t="s">
        <v>1311</v>
      </c>
      <c r="J53" s="10" t="s">
        <v>2064</v>
      </c>
      <c r="K53" s="10" t="s">
        <v>2065</v>
      </c>
      <c r="M53" s="5" t="s">
        <v>1407</v>
      </c>
      <c r="N53" s="5" t="s">
        <v>887</v>
      </c>
      <c r="O53" s="5" t="s">
        <v>42</v>
      </c>
      <c r="P53" s="88" t="s">
        <v>2579</v>
      </c>
    </row>
    <row r="54" spans="1:16" s="10" customFormat="1" ht="33.75">
      <c r="A54" s="10" t="s">
        <v>773</v>
      </c>
      <c r="B54" s="10" t="s">
        <v>59</v>
      </c>
      <c r="E54" s="10" t="s">
        <v>2166</v>
      </c>
      <c r="F54" s="10" t="s">
        <v>2174</v>
      </c>
      <c r="G54" s="5" t="s">
        <v>1428</v>
      </c>
      <c r="H54" s="5" t="s">
        <v>15</v>
      </c>
      <c r="I54" s="5" t="s">
        <v>1428</v>
      </c>
      <c r="J54" s="5" t="s">
        <v>1429</v>
      </c>
      <c r="K54" s="5" t="s">
        <v>1430</v>
      </c>
      <c r="M54" s="5" t="s">
        <v>1407</v>
      </c>
      <c r="N54" s="5" t="s">
        <v>887</v>
      </c>
      <c r="O54" s="5">
        <v>38.331000000000003</v>
      </c>
      <c r="P54" s="98" t="s">
        <v>1634</v>
      </c>
    </row>
    <row r="55" spans="1:16" s="10" customFormat="1" ht="33.75">
      <c r="A55" s="10" t="s">
        <v>773</v>
      </c>
      <c r="B55" s="10" t="s">
        <v>59</v>
      </c>
      <c r="E55" s="10" t="s">
        <v>2175</v>
      </c>
      <c r="F55" s="10" t="s">
        <v>2176</v>
      </c>
      <c r="G55" s="5" t="s">
        <v>1431</v>
      </c>
      <c r="H55" s="5" t="s">
        <v>15</v>
      </c>
      <c r="I55" s="5" t="s">
        <v>1431</v>
      </c>
      <c r="J55" s="5" t="s">
        <v>1432</v>
      </c>
      <c r="K55" s="5" t="s">
        <v>1433</v>
      </c>
      <c r="L55" s="5"/>
      <c r="M55" s="5" t="s">
        <v>1434</v>
      </c>
      <c r="N55" s="5" t="s">
        <v>12</v>
      </c>
      <c r="O55" s="5">
        <v>38.331000000000003</v>
      </c>
      <c r="P55" s="101"/>
    </row>
    <row r="56" spans="1:16" s="10" customFormat="1" ht="101.25">
      <c r="A56" s="10" t="s">
        <v>773</v>
      </c>
      <c r="B56" s="10" t="s">
        <v>59</v>
      </c>
      <c r="E56" s="10" t="s">
        <v>2166</v>
      </c>
      <c r="F56" s="10" t="s">
        <v>2177</v>
      </c>
      <c r="G56" s="5" t="s">
        <v>2580</v>
      </c>
      <c r="H56" s="10" t="s">
        <v>1149</v>
      </c>
      <c r="I56" s="5" t="s">
        <v>1312</v>
      </c>
      <c r="J56" s="5" t="s">
        <v>2581</v>
      </c>
      <c r="K56" s="5" t="s">
        <v>1313</v>
      </c>
      <c r="M56" s="5" t="s">
        <v>1407</v>
      </c>
      <c r="N56" s="5" t="s">
        <v>887</v>
      </c>
      <c r="O56" s="5">
        <v>38.331000000000003</v>
      </c>
      <c r="P56" s="5" t="s">
        <v>1448</v>
      </c>
    </row>
    <row r="57" spans="1:16" s="10" customFormat="1" ht="78.75">
      <c r="A57" s="10" t="s">
        <v>773</v>
      </c>
      <c r="B57" s="10" t="s">
        <v>59</v>
      </c>
      <c r="E57" s="10" t="s">
        <v>2178</v>
      </c>
      <c r="F57" s="10" t="s">
        <v>2179</v>
      </c>
      <c r="G57" s="5" t="s">
        <v>2055</v>
      </c>
      <c r="H57" s="10" t="s">
        <v>1149</v>
      </c>
      <c r="I57" s="5" t="s">
        <v>1666</v>
      </c>
      <c r="J57" s="5" t="s">
        <v>2056</v>
      </c>
      <c r="K57" s="5" t="s">
        <v>2057</v>
      </c>
      <c r="M57" s="5" t="s">
        <v>56</v>
      </c>
      <c r="N57" s="5" t="s">
        <v>887</v>
      </c>
      <c r="O57" s="5">
        <v>38.331000000000003</v>
      </c>
      <c r="P57" s="90" t="s">
        <v>1667</v>
      </c>
    </row>
    <row r="58" spans="1:16" s="10" customFormat="1" ht="78.75">
      <c r="A58" s="10" t="s">
        <v>773</v>
      </c>
      <c r="B58" s="10" t="s">
        <v>59</v>
      </c>
      <c r="E58" s="10" t="s">
        <v>2180</v>
      </c>
      <c r="F58" s="10" t="s">
        <v>2181</v>
      </c>
      <c r="G58" s="10" t="s">
        <v>2182</v>
      </c>
      <c r="H58" s="10" t="s">
        <v>15</v>
      </c>
      <c r="I58" s="10" t="s">
        <v>819</v>
      </c>
      <c r="J58" s="10" t="s">
        <v>820</v>
      </c>
      <c r="K58" s="10" t="s">
        <v>68</v>
      </c>
      <c r="M58" s="5" t="s">
        <v>56</v>
      </c>
      <c r="N58" s="5" t="s">
        <v>57</v>
      </c>
      <c r="O58" s="5">
        <v>38.331000000000003</v>
      </c>
      <c r="P58" s="90" t="s">
        <v>825</v>
      </c>
    </row>
    <row r="59" spans="1:16" s="10" customFormat="1" ht="33.75">
      <c r="A59" s="10" t="s">
        <v>773</v>
      </c>
      <c r="B59" s="10" t="s">
        <v>59</v>
      </c>
      <c r="E59" s="10" t="s">
        <v>2178</v>
      </c>
      <c r="F59" s="10" t="s">
        <v>2183</v>
      </c>
      <c r="G59" s="10" t="s">
        <v>1635</v>
      </c>
      <c r="H59" s="10" t="s">
        <v>15</v>
      </c>
      <c r="I59" s="10" t="s">
        <v>1635</v>
      </c>
      <c r="J59" s="10" t="s">
        <v>2582</v>
      </c>
      <c r="K59" s="10" t="s">
        <v>571</v>
      </c>
      <c r="M59" s="5" t="s">
        <v>56</v>
      </c>
      <c r="N59" s="5" t="s">
        <v>57</v>
      </c>
      <c r="O59" s="5">
        <v>38.331000000000003</v>
      </c>
      <c r="P59" s="98" t="s">
        <v>2184</v>
      </c>
    </row>
    <row r="60" spans="1:16" s="10" customFormat="1" ht="33.75">
      <c r="A60" s="10" t="s">
        <v>773</v>
      </c>
      <c r="B60" s="10" t="s">
        <v>59</v>
      </c>
      <c r="E60" s="10" t="s">
        <v>2178</v>
      </c>
      <c r="F60" s="10" t="s">
        <v>2185</v>
      </c>
      <c r="G60" s="10" t="s">
        <v>821</v>
      </c>
      <c r="H60" s="10" t="s">
        <v>15</v>
      </c>
      <c r="I60" s="10" t="s">
        <v>821</v>
      </c>
      <c r="J60" s="10" t="s">
        <v>1413</v>
      </c>
      <c r="K60" s="10" t="s">
        <v>571</v>
      </c>
      <c r="M60" s="5" t="s">
        <v>56</v>
      </c>
      <c r="N60" s="5" t="s">
        <v>57</v>
      </c>
      <c r="O60" s="5">
        <v>38.331000000000003</v>
      </c>
      <c r="P60" s="99"/>
    </row>
    <row r="61" spans="1:16" s="10" customFormat="1" ht="33.75">
      <c r="A61" s="10" t="s">
        <v>773</v>
      </c>
      <c r="B61" s="10" t="s">
        <v>59</v>
      </c>
      <c r="E61" s="10" t="s">
        <v>2178</v>
      </c>
      <c r="F61" s="10" t="s">
        <v>2186</v>
      </c>
      <c r="G61" s="10" t="s">
        <v>822</v>
      </c>
      <c r="H61" s="10" t="s">
        <v>15</v>
      </c>
      <c r="I61" s="10" t="s">
        <v>822</v>
      </c>
      <c r="J61" s="10" t="s">
        <v>1412</v>
      </c>
      <c r="K61" s="10" t="s">
        <v>1636</v>
      </c>
      <c r="M61" s="5" t="s">
        <v>1637</v>
      </c>
      <c r="N61" s="5" t="s">
        <v>57</v>
      </c>
      <c r="O61" s="5" t="s">
        <v>64</v>
      </c>
      <c r="P61" s="98" t="s">
        <v>826</v>
      </c>
    </row>
    <row r="62" spans="1:16" s="10" customFormat="1" ht="33.75">
      <c r="A62" s="10" t="s">
        <v>773</v>
      </c>
      <c r="B62" s="10" t="s">
        <v>59</v>
      </c>
      <c r="E62" s="10" t="s">
        <v>2178</v>
      </c>
      <c r="F62" s="10" t="s">
        <v>2187</v>
      </c>
      <c r="G62" s="10" t="s">
        <v>823</v>
      </c>
      <c r="H62" s="10" t="s">
        <v>15</v>
      </c>
      <c r="I62" s="10" t="s">
        <v>823</v>
      </c>
      <c r="J62" s="10" t="s">
        <v>824</v>
      </c>
      <c r="K62" s="10" t="s">
        <v>1638</v>
      </c>
      <c r="M62" s="5" t="s">
        <v>1637</v>
      </c>
      <c r="N62" s="5" t="s">
        <v>57</v>
      </c>
      <c r="O62" s="5" t="s">
        <v>64</v>
      </c>
      <c r="P62" s="102"/>
    </row>
    <row r="63" spans="1:16" s="10" customFormat="1" ht="56.25">
      <c r="A63" s="10" t="s">
        <v>773</v>
      </c>
      <c r="B63" s="10" t="s">
        <v>1650</v>
      </c>
      <c r="E63" s="10" t="s">
        <v>2166</v>
      </c>
      <c r="F63" s="10" t="s">
        <v>2188</v>
      </c>
      <c r="G63" s="10" t="s">
        <v>1639</v>
      </c>
      <c r="H63" s="10" t="s">
        <v>1149</v>
      </c>
      <c r="I63" s="10" t="s">
        <v>1639</v>
      </c>
      <c r="J63" s="10" t="s">
        <v>1640</v>
      </c>
      <c r="K63" s="10" t="s">
        <v>1651</v>
      </c>
      <c r="M63" s="5" t="s">
        <v>1407</v>
      </c>
      <c r="N63" s="5" t="s">
        <v>57</v>
      </c>
      <c r="O63" s="5" t="s">
        <v>64</v>
      </c>
      <c r="P63" s="40" t="s">
        <v>1641</v>
      </c>
    </row>
    <row r="64" spans="1:16" s="10" customFormat="1" ht="348.75">
      <c r="A64" s="10" t="s">
        <v>773</v>
      </c>
      <c r="B64" s="10" t="s">
        <v>1314</v>
      </c>
      <c r="E64" s="10" t="s">
        <v>2189</v>
      </c>
      <c r="F64" s="10" t="s">
        <v>2190</v>
      </c>
      <c r="G64" s="5" t="s">
        <v>1315</v>
      </c>
      <c r="H64" s="10" t="s">
        <v>594</v>
      </c>
      <c r="I64" s="5" t="s">
        <v>1315</v>
      </c>
      <c r="J64" s="5" t="s">
        <v>1316</v>
      </c>
      <c r="K64" s="5" t="s">
        <v>1317</v>
      </c>
      <c r="M64" s="5" t="s">
        <v>56</v>
      </c>
      <c r="N64" s="5" t="s">
        <v>57</v>
      </c>
      <c r="O64" s="5">
        <v>38.331000000000003</v>
      </c>
      <c r="P64" s="5" t="s">
        <v>2191</v>
      </c>
    </row>
    <row r="65" spans="1:16" s="10" customFormat="1" ht="33.75">
      <c r="A65" s="10" t="s">
        <v>773</v>
      </c>
      <c r="B65" s="10" t="s">
        <v>59</v>
      </c>
      <c r="E65" s="10" t="s">
        <v>2166</v>
      </c>
      <c r="F65" s="10" t="s">
        <v>2192</v>
      </c>
      <c r="G65" s="5" t="s">
        <v>1162</v>
      </c>
      <c r="H65" s="10" t="s">
        <v>1149</v>
      </c>
      <c r="I65" s="5" t="s">
        <v>1162</v>
      </c>
      <c r="J65" s="5" t="s">
        <v>1642</v>
      </c>
      <c r="K65" s="5" t="s">
        <v>1318</v>
      </c>
      <c r="M65" s="5" t="s">
        <v>56</v>
      </c>
      <c r="N65" s="5" t="s">
        <v>57</v>
      </c>
      <c r="O65" s="5" t="s">
        <v>64</v>
      </c>
      <c r="P65" s="40" t="s">
        <v>1163</v>
      </c>
    </row>
    <row r="66" spans="1:16" s="10" customFormat="1" ht="56.25">
      <c r="A66" s="10" t="s">
        <v>773</v>
      </c>
      <c r="B66" s="10" t="s">
        <v>63</v>
      </c>
      <c r="E66" s="10" t="s">
        <v>2193</v>
      </c>
      <c r="F66" s="10" t="s">
        <v>2194</v>
      </c>
      <c r="G66" s="5" t="s">
        <v>827</v>
      </c>
      <c r="H66" s="5" t="s">
        <v>15</v>
      </c>
      <c r="I66" s="5" t="s">
        <v>827</v>
      </c>
      <c r="J66" s="5" t="s">
        <v>828</v>
      </c>
      <c r="K66" s="5" t="s">
        <v>829</v>
      </c>
      <c r="M66" s="5" t="s">
        <v>832</v>
      </c>
      <c r="N66" s="5" t="s">
        <v>41</v>
      </c>
      <c r="O66" s="5" t="s">
        <v>64</v>
      </c>
      <c r="P66" s="5" t="s">
        <v>833</v>
      </c>
    </row>
    <row r="67" spans="1:16" s="10" customFormat="1" ht="67.5">
      <c r="A67" s="10" t="s">
        <v>773</v>
      </c>
      <c r="B67" s="10" t="s">
        <v>63</v>
      </c>
      <c r="E67" s="10" t="s">
        <v>2193</v>
      </c>
      <c r="F67" s="10" t="s">
        <v>2195</v>
      </c>
      <c r="G67" s="5" t="s">
        <v>830</v>
      </c>
      <c r="H67" s="5" t="s">
        <v>15</v>
      </c>
      <c r="I67" s="5" t="s">
        <v>830</v>
      </c>
      <c r="J67" s="5" t="s">
        <v>831</v>
      </c>
      <c r="K67" s="5" t="s">
        <v>67</v>
      </c>
      <c r="M67" s="5" t="s">
        <v>832</v>
      </c>
      <c r="N67" s="5" t="s">
        <v>41</v>
      </c>
      <c r="O67" s="5" t="s">
        <v>64</v>
      </c>
      <c r="P67" s="5" t="s">
        <v>834</v>
      </c>
    </row>
    <row r="68" spans="1:16" s="10" customFormat="1" ht="90">
      <c r="A68" s="10" t="s">
        <v>773</v>
      </c>
      <c r="B68" s="10" t="s">
        <v>1652</v>
      </c>
      <c r="E68" s="10" t="s">
        <v>2193</v>
      </c>
      <c r="F68" s="10" t="s">
        <v>2196</v>
      </c>
      <c r="G68" s="5" t="s">
        <v>1164</v>
      </c>
      <c r="H68" s="5" t="s">
        <v>15</v>
      </c>
      <c r="I68" s="5" t="s">
        <v>1164</v>
      </c>
      <c r="J68" s="5" t="s">
        <v>1165</v>
      </c>
      <c r="K68" s="5" t="s">
        <v>1166</v>
      </c>
      <c r="M68" s="5" t="s">
        <v>832</v>
      </c>
      <c r="N68" s="5" t="s">
        <v>41</v>
      </c>
      <c r="O68" s="5" t="s">
        <v>64</v>
      </c>
      <c r="P68" s="5" t="s">
        <v>1167</v>
      </c>
    </row>
    <row r="69" spans="1:16" s="10" customFormat="1" ht="78.75">
      <c r="A69" s="10" t="s">
        <v>773</v>
      </c>
      <c r="B69" s="10" t="s">
        <v>63</v>
      </c>
      <c r="E69" s="10" t="s">
        <v>2193</v>
      </c>
      <c r="F69" s="10" t="s">
        <v>2197</v>
      </c>
      <c r="G69" s="5" t="s">
        <v>1168</v>
      </c>
      <c r="H69" s="5" t="s">
        <v>15</v>
      </c>
      <c r="I69" s="5" t="s">
        <v>1168</v>
      </c>
      <c r="J69" s="5" t="s">
        <v>1169</v>
      </c>
      <c r="K69" s="5" t="s">
        <v>2058</v>
      </c>
      <c r="M69" s="5" t="s">
        <v>832</v>
      </c>
      <c r="N69" s="5" t="s">
        <v>41</v>
      </c>
      <c r="O69" s="5" t="s">
        <v>64</v>
      </c>
      <c r="P69" s="5" t="s">
        <v>1170</v>
      </c>
    </row>
    <row r="70" spans="1:16" s="10" customFormat="1" ht="146.25">
      <c r="A70" s="10" t="s">
        <v>773</v>
      </c>
      <c r="B70" s="10" t="s">
        <v>63</v>
      </c>
      <c r="E70" s="10" t="s">
        <v>2193</v>
      </c>
      <c r="F70" s="10" t="s">
        <v>2198</v>
      </c>
      <c r="G70" s="5" t="s">
        <v>1171</v>
      </c>
      <c r="H70" s="5" t="s">
        <v>15</v>
      </c>
      <c r="I70" s="5" t="s">
        <v>1172</v>
      </c>
      <c r="J70" s="5" t="s">
        <v>1173</v>
      </c>
      <c r="K70" s="5" t="s">
        <v>1174</v>
      </c>
      <c r="M70" s="5" t="s">
        <v>832</v>
      </c>
      <c r="N70" s="5" t="s">
        <v>41</v>
      </c>
      <c r="O70" s="5" t="s">
        <v>64</v>
      </c>
      <c r="P70" s="5" t="s">
        <v>2199</v>
      </c>
    </row>
    <row r="71" spans="1:16" s="10" customFormat="1" ht="146.25">
      <c r="A71" s="10" t="s">
        <v>773</v>
      </c>
      <c r="B71" s="10" t="s">
        <v>63</v>
      </c>
      <c r="E71" s="10" t="s">
        <v>2193</v>
      </c>
      <c r="F71" s="10" t="s">
        <v>2200</v>
      </c>
      <c r="G71" s="5" t="s">
        <v>1175</v>
      </c>
      <c r="H71" s="5" t="s">
        <v>15</v>
      </c>
      <c r="I71" s="5" t="s">
        <v>1175</v>
      </c>
      <c r="J71" s="5" t="s">
        <v>2583</v>
      </c>
      <c r="K71" s="5" t="s">
        <v>2584</v>
      </c>
      <c r="M71" s="5" t="s">
        <v>832</v>
      </c>
      <c r="N71" s="5" t="s">
        <v>41</v>
      </c>
      <c r="O71" s="5" t="s">
        <v>64</v>
      </c>
      <c r="P71" s="5" t="s">
        <v>1668</v>
      </c>
    </row>
    <row r="72" spans="1:16" s="10" customFormat="1" ht="67.5">
      <c r="A72" s="10" t="s">
        <v>773</v>
      </c>
      <c r="B72" s="10" t="s">
        <v>63</v>
      </c>
      <c r="E72" s="10" t="s">
        <v>2193</v>
      </c>
      <c r="F72" s="10" t="s">
        <v>2201</v>
      </c>
      <c r="G72" s="5" t="s">
        <v>1176</v>
      </c>
      <c r="H72" s="5" t="s">
        <v>15</v>
      </c>
      <c r="I72" s="5" t="s">
        <v>1176</v>
      </c>
      <c r="J72" s="5" t="s">
        <v>1177</v>
      </c>
      <c r="K72" s="5" t="s">
        <v>1178</v>
      </c>
      <c r="M72" s="5" t="s">
        <v>832</v>
      </c>
      <c r="N72" s="5" t="s">
        <v>41</v>
      </c>
      <c r="O72" s="5" t="s">
        <v>64</v>
      </c>
      <c r="P72" s="5" t="s">
        <v>1179</v>
      </c>
    </row>
    <row r="73" spans="1:16" s="10" customFormat="1" ht="90">
      <c r="A73" s="10" t="s">
        <v>773</v>
      </c>
      <c r="B73" s="10" t="s">
        <v>65</v>
      </c>
      <c r="E73" s="10" t="s">
        <v>2202</v>
      </c>
      <c r="F73" s="10" t="s">
        <v>2203</v>
      </c>
      <c r="G73" s="5" t="s">
        <v>1180</v>
      </c>
      <c r="H73" s="10" t="s">
        <v>15</v>
      </c>
      <c r="I73" s="5" t="s">
        <v>1180</v>
      </c>
      <c r="J73" s="10" t="s">
        <v>835</v>
      </c>
      <c r="K73" s="10" t="s">
        <v>836</v>
      </c>
      <c r="M73" s="5" t="s">
        <v>1643</v>
      </c>
      <c r="N73" s="5" t="s">
        <v>1624</v>
      </c>
      <c r="O73" s="5" t="s">
        <v>1669</v>
      </c>
      <c r="P73" s="5" t="s">
        <v>837</v>
      </c>
    </row>
    <row r="74" spans="1:16" s="10" customFormat="1" ht="22.5">
      <c r="A74" s="10" t="s">
        <v>773</v>
      </c>
      <c r="B74" s="10" t="s">
        <v>838</v>
      </c>
      <c r="G74" s="5" t="s">
        <v>839</v>
      </c>
      <c r="H74" s="5" t="s">
        <v>66</v>
      </c>
      <c r="I74" s="5" t="s">
        <v>839</v>
      </c>
      <c r="J74" s="5" t="s">
        <v>840</v>
      </c>
      <c r="K74" s="5" t="s">
        <v>841</v>
      </c>
      <c r="M74" s="5" t="s">
        <v>56</v>
      </c>
      <c r="N74" s="5" t="s">
        <v>57</v>
      </c>
      <c r="O74" s="5" t="s">
        <v>64</v>
      </c>
      <c r="P74" s="98" t="s">
        <v>2585</v>
      </c>
    </row>
    <row r="75" spans="1:16" s="10" customFormat="1" ht="33.75">
      <c r="A75" s="10" t="s">
        <v>773</v>
      </c>
      <c r="B75" s="10" t="s">
        <v>2586</v>
      </c>
      <c r="E75" s="10" t="s">
        <v>2204</v>
      </c>
      <c r="F75" s="10" t="s">
        <v>2205</v>
      </c>
      <c r="G75" s="5" t="s">
        <v>842</v>
      </c>
      <c r="H75" s="5" t="s">
        <v>66</v>
      </c>
      <c r="I75" s="5" t="s">
        <v>842</v>
      </c>
      <c r="J75" s="5" t="s">
        <v>843</v>
      </c>
      <c r="K75" s="5" t="s">
        <v>841</v>
      </c>
      <c r="M75" s="5" t="s">
        <v>56</v>
      </c>
      <c r="N75" s="5" t="s">
        <v>57</v>
      </c>
      <c r="O75" s="5" t="s">
        <v>64</v>
      </c>
      <c r="P75" s="99"/>
    </row>
    <row r="76" spans="1:16" s="10" customFormat="1" ht="45">
      <c r="A76" s="10" t="s">
        <v>773</v>
      </c>
      <c r="B76" s="10" t="s">
        <v>844</v>
      </c>
      <c r="E76" s="10" t="s">
        <v>2115</v>
      </c>
      <c r="F76" s="10" t="s">
        <v>2206</v>
      </c>
      <c r="G76" s="10" t="s">
        <v>845</v>
      </c>
      <c r="H76" s="10" t="s">
        <v>15</v>
      </c>
      <c r="I76" s="10" t="s">
        <v>845</v>
      </c>
      <c r="J76" s="10" t="s">
        <v>846</v>
      </c>
      <c r="K76" s="10" t="s">
        <v>847</v>
      </c>
      <c r="M76" s="10" t="s">
        <v>40</v>
      </c>
      <c r="N76" s="10" t="s">
        <v>783</v>
      </c>
      <c r="O76" s="10" t="s">
        <v>42</v>
      </c>
      <c r="P76" s="10" t="s">
        <v>848</v>
      </c>
    </row>
    <row r="77" spans="1:16" s="10" customFormat="1" ht="33.75">
      <c r="A77" s="10" t="s">
        <v>773</v>
      </c>
      <c r="B77" s="10" t="s">
        <v>844</v>
      </c>
      <c r="E77" s="10" t="s">
        <v>2115</v>
      </c>
      <c r="F77" s="10" t="s">
        <v>2207</v>
      </c>
      <c r="G77" s="10" t="s">
        <v>1319</v>
      </c>
      <c r="H77" s="10" t="s">
        <v>1149</v>
      </c>
      <c r="I77" s="10" t="s">
        <v>1319</v>
      </c>
      <c r="J77" s="10" t="s">
        <v>1320</v>
      </c>
      <c r="K77" s="10" t="s">
        <v>1321</v>
      </c>
      <c r="M77" s="10" t="s">
        <v>40</v>
      </c>
      <c r="N77" s="10" t="s">
        <v>1297</v>
      </c>
      <c r="O77" s="10" t="s">
        <v>42</v>
      </c>
      <c r="P77" s="92" t="s">
        <v>1322</v>
      </c>
    </row>
    <row r="78" spans="1:16" s="10" customFormat="1" ht="33.75">
      <c r="A78" s="10" t="s">
        <v>773</v>
      </c>
      <c r="B78" s="10" t="s">
        <v>1323</v>
      </c>
      <c r="E78" s="10" t="s">
        <v>2115</v>
      </c>
      <c r="F78" s="10" t="s">
        <v>2208</v>
      </c>
      <c r="G78" s="10" t="s">
        <v>1324</v>
      </c>
      <c r="H78" s="10" t="s">
        <v>1149</v>
      </c>
      <c r="I78" s="10" t="s">
        <v>1324</v>
      </c>
      <c r="J78" s="10" t="s">
        <v>1325</v>
      </c>
      <c r="K78" s="10" t="s">
        <v>1326</v>
      </c>
      <c r="M78" s="10" t="s">
        <v>40</v>
      </c>
      <c r="N78" s="10" t="s">
        <v>1297</v>
      </c>
      <c r="O78" s="10" t="s">
        <v>42</v>
      </c>
      <c r="P78" s="94"/>
    </row>
    <row r="79" spans="1:16" s="10" customFormat="1" ht="33.75">
      <c r="A79" s="10" t="s">
        <v>773</v>
      </c>
      <c r="B79" s="10" t="s">
        <v>1181</v>
      </c>
      <c r="E79" s="10" t="s">
        <v>2209</v>
      </c>
      <c r="F79" s="10" t="s">
        <v>2210</v>
      </c>
      <c r="G79" s="5" t="s">
        <v>1327</v>
      </c>
      <c r="H79" s="10" t="s">
        <v>15</v>
      </c>
      <c r="I79" s="5" t="s">
        <v>1327</v>
      </c>
      <c r="J79" s="5" t="s">
        <v>1328</v>
      </c>
      <c r="K79" s="5" t="s">
        <v>1329</v>
      </c>
      <c r="L79" s="20"/>
      <c r="M79" s="5" t="s">
        <v>56</v>
      </c>
      <c r="N79" s="10" t="s">
        <v>887</v>
      </c>
      <c r="O79" s="10" t="s">
        <v>42</v>
      </c>
      <c r="P79" s="92" t="s">
        <v>1330</v>
      </c>
    </row>
    <row r="80" spans="1:16" s="10" customFormat="1" ht="22.5">
      <c r="A80" s="10" t="s">
        <v>773</v>
      </c>
      <c r="B80" s="10" t="s">
        <v>1181</v>
      </c>
      <c r="E80" s="10" t="s">
        <v>2210</v>
      </c>
      <c r="F80" s="10" t="s">
        <v>2211</v>
      </c>
      <c r="G80" s="5" t="s">
        <v>1331</v>
      </c>
      <c r="H80" s="10" t="s">
        <v>15</v>
      </c>
      <c r="I80" s="5" t="s">
        <v>1331</v>
      </c>
      <c r="J80" s="5" t="s">
        <v>1332</v>
      </c>
      <c r="K80" s="5" t="s">
        <v>1333</v>
      </c>
      <c r="M80" s="5" t="s">
        <v>56</v>
      </c>
      <c r="N80" s="10" t="s">
        <v>887</v>
      </c>
      <c r="O80" s="10" t="s">
        <v>42</v>
      </c>
      <c r="P80" s="93"/>
    </row>
    <row r="81" spans="1:16" s="10" customFormat="1" ht="33.75">
      <c r="A81" s="10" t="s">
        <v>773</v>
      </c>
      <c r="B81" s="10" t="s">
        <v>1181</v>
      </c>
      <c r="E81" s="10" t="s">
        <v>2209</v>
      </c>
      <c r="F81" s="10" t="s">
        <v>2212</v>
      </c>
      <c r="G81" s="5" t="s">
        <v>1334</v>
      </c>
      <c r="H81" s="10" t="s">
        <v>15</v>
      </c>
      <c r="I81" s="5" t="s">
        <v>1334</v>
      </c>
      <c r="J81" s="5" t="s">
        <v>2059</v>
      </c>
      <c r="K81" s="5" t="s">
        <v>1653</v>
      </c>
      <c r="M81" s="5" t="s">
        <v>56</v>
      </c>
      <c r="N81" s="10" t="s">
        <v>887</v>
      </c>
      <c r="O81" s="10" t="s">
        <v>42</v>
      </c>
      <c r="P81" s="93"/>
    </row>
    <row r="82" spans="1:16" s="10" customFormat="1" ht="258.75">
      <c r="A82" s="10" t="s">
        <v>773</v>
      </c>
      <c r="B82" s="10" t="s">
        <v>63</v>
      </c>
      <c r="E82" s="10" t="s">
        <v>2213</v>
      </c>
      <c r="F82" s="10" t="s">
        <v>2214</v>
      </c>
      <c r="G82" s="10" t="s">
        <v>1398</v>
      </c>
      <c r="H82" s="10" t="s">
        <v>15</v>
      </c>
      <c r="I82" s="10" t="s">
        <v>1398</v>
      </c>
      <c r="J82" s="10" t="s">
        <v>2587</v>
      </c>
      <c r="K82" s="91" t="s">
        <v>2060</v>
      </c>
      <c r="M82" s="5" t="s">
        <v>2588</v>
      </c>
      <c r="N82" s="5" t="s">
        <v>2589</v>
      </c>
      <c r="O82" s="10" t="s">
        <v>1669</v>
      </c>
      <c r="P82" s="10" t="s">
        <v>2590</v>
      </c>
    </row>
    <row r="83" spans="1:16" s="10" customFormat="1" ht="22.5">
      <c r="A83" s="10" t="s">
        <v>773</v>
      </c>
      <c r="B83" s="10" t="s">
        <v>1435</v>
      </c>
      <c r="E83" s="10" t="s">
        <v>2215</v>
      </c>
      <c r="F83" s="10" t="s">
        <v>2216</v>
      </c>
      <c r="G83" s="5" t="s">
        <v>1436</v>
      </c>
      <c r="H83" s="10" t="s">
        <v>15</v>
      </c>
      <c r="I83" s="5" t="s">
        <v>1327</v>
      </c>
      <c r="J83" s="5" t="s">
        <v>1437</v>
      </c>
      <c r="K83" s="5" t="s">
        <v>1438</v>
      </c>
      <c r="L83" s="20"/>
      <c r="M83" s="5" t="s">
        <v>832</v>
      </c>
      <c r="N83" s="10" t="s">
        <v>783</v>
      </c>
      <c r="O83" s="10" t="s">
        <v>42</v>
      </c>
      <c r="P83" s="92" t="s">
        <v>1439</v>
      </c>
    </row>
    <row r="84" spans="1:16" s="10" customFormat="1" ht="22.5">
      <c r="A84" s="10" t="s">
        <v>773</v>
      </c>
      <c r="B84" s="10" t="s">
        <v>1435</v>
      </c>
      <c r="E84" s="10" t="s">
        <v>2215</v>
      </c>
      <c r="F84" s="10" t="s">
        <v>2217</v>
      </c>
      <c r="G84" s="10" t="s">
        <v>1440</v>
      </c>
      <c r="H84" s="10" t="s">
        <v>15</v>
      </c>
      <c r="I84" s="10" t="s">
        <v>1440</v>
      </c>
      <c r="J84" s="10" t="s">
        <v>1441</v>
      </c>
      <c r="K84" s="10" t="s">
        <v>1442</v>
      </c>
      <c r="M84" s="5" t="s">
        <v>832</v>
      </c>
      <c r="N84" s="10" t="s">
        <v>783</v>
      </c>
      <c r="O84" s="10" t="s">
        <v>42</v>
      </c>
      <c r="P84" s="100"/>
    </row>
    <row r="85" spans="1:16" s="10" customFormat="1" ht="22.5">
      <c r="A85" s="10" t="s">
        <v>773</v>
      </c>
      <c r="B85" s="10" t="s">
        <v>1435</v>
      </c>
      <c r="E85" s="10" t="s">
        <v>2215</v>
      </c>
      <c r="F85" s="10" t="s">
        <v>2218</v>
      </c>
      <c r="G85" s="10" t="s">
        <v>1443</v>
      </c>
      <c r="H85" s="10" t="s">
        <v>15</v>
      </c>
      <c r="I85" s="10" t="s">
        <v>1443</v>
      </c>
      <c r="J85" s="10" t="s">
        <v>1444</v>
      </c>
      <c r="K85" s="10" t="s">
        <v>1445</v>
      </c>
      <c r="M85" s="5" t="s">
        <v>832</v>
      </c>
      <c r="N85" s="10" t="s">
        <v>783</v>
      </c>
      <c r="O85" s="10" t="s">
        <v>42</v>
      </c>
      <c r="P85" s="101"/>
    </row>
    <row r="86" spans="1:16" s="10" customFormat="1" ht="78.75">
      <c r="A86" s="10" t="s">
        <v>773</v>
      </c>
      <c r="B86" s="10" t="s">
        <v>43</v>
      </c>
      <c r="E86" s="10" t="s">
        <v>2138</v>
      </c>
      <c r="F86" s="10" t="s">
        <v>2219</v>
      </c>
      <c r="G86" s="10" t="s">
        <v>1654</v>
      </c>
      <c r="H86" s="10" t="s">
        <v>1149</v>
      </c>
      <c r="I86" s="10" t="s">
        <v>1644</v>
      </c>
      <c r="J86" s="5" t="s">
        <v>1645</v>
      </c>
      <c r="K86" s="5" t="s">
        <v>1646</v>
      </c>
      <c r="M86" s="5" t="s">
        <v>40</v>
      </c>
      <c r="N86" s="5" t="s">
        <v>41</v>
      </c>
      <c r="O86" s="5" t="s">
        <v>42</v>
      </c>
      <c r="P86" s="88" t="s">
        <v>1647</v>
      </c>
    </row>
    <row r="87" spans="1:16" s="10" customFormat="1" ht="30" customHeight="1">
      <c r="A87" s="10" t="s">
        <v>773</v>
      </c>
      <c r="B87" s="10" t="s">
        <v>1670</v>
      </c>
      <c r="E87" s="10" t="s">
        <v>2115</v>
      </c>
      <c r="F87" s="10" t="s">
        <v>2220</v>
      </c>
      <c r="G87" s="10" t="s">
        <v>1671</v>
      </c>
      <c r="H87" s="10" t="s">
        <v>1149</v>
      </c>
      <c r="I87" s="10" t="s">
        <v>1672</v>
      </c>
      <c r="J87" s="10" t="s">
        <v>1673</v>
      </c>
      <c r="K87" s="10" t="s">
        <v>1674</v>
      </c>
      <c r="M87" s="5" t="s">
        <v>1680</v>
      </c>
      <c r="N87" s="5" t="s">
        <v>41</v>
      </c>
      <c r="O87" s="5">
        <v>38.331000000000003</v>
      </c>
      <c r="P87" s="92" t="s">
        <v>1675</v>
      </c>
    </row>
    <row r="88" spans="1:16" s="10" customFormat="1" ht="30" customHeight="1">
      <c r="A88" s="10" t="s">
        <v>773</v>
      </c>
      <c r="B88" s="10" t="s">
        <v>1670</v>
      </c>
      <c r="E88" s="10" t="s">
        <v>2115</v>
      </c>
      <c r="F88" s="10" t="s">
        <v>1676</v>
      </c>
      <c r="G88" s="10" t="s">
        <v>1676</v>
      </c>
      <c r="H88" s="10" t="s">
        <v>1149</v>
      </c>
      <c r="I88" s="10" t="s">
        <v>1676</v>
      </c>
      <c r="J88" s="10" t="s">
        <v>1677</v>
      </c>
      <c r="K88" s="10" t="s">
        <v>1674</v>
      </c>
      <c r="M88" s="5" t="s">
        <v>1680</v>
      </c>
      <c r="N88" s="5" t="s">
        <v>41</v>
      </c>
      <c r="O88" s="5">
        <v>38.331000000000003</v>
      </c>
      <c r="P88" s="101"/>
    </row>
    <row r="89" spans="1:16" s="10" customFormat="1" ht="78.75">
      <c r="A89" s="10" t="s">
        <v>773</v>
      </c>
      <c r="B89" s="10" t="s">
        <v>1457</v>
      </c>
      <c r="E89" s="10" t="s">
        <v>2115</v>
      </c>
      <c r="F89" s="10" t="s">
        <v>2221</v>
      </c>
      <c r="G89" s="10" t="s">
        <v>1678</v>
      </c>
      <c r="H89" s="10" t="s">
        <v>1149</v>
      </c>
      <c r="I89" s="10" t="s">
        <v>1678</v>
      </c>
      <c r="J89" s="10" t="s">
        <v>1679</v>
      </c>
      <c r="K89" s="91" t="s">
        <v>2061</v>
      </c>
      <c r="M89" s="10" t="s">
        <v>1680</v>
      </c>
      <c r="N89" s="5" t="s">
        <v>41</v>
      </c>
      <c r="O89" s="5">
        <v>38.331000000000003</v>
      </c>
      <c r="P89" s="10" t="s">
        <v>1681</v>
      </c>
    </row>
    <row r="90" spans="1:16" s="10" customFormat="1" ht="90">
      <c r="A90" s="10" t="s">
        <v>773</v>
      </c>
      <c r="B90" s="10" t="s">
        <v>1181</v>
      </c>
      <c r="E90" s="10" t="s">
        <v>2596</v>
      </c>
      <c r="F90" s="10" t="s">
        <v>2598</v>
      </c>
      <c r="G90" s="5" t="s">
        <v>1682</v>
      </c>
      <c r="H90" s="10" t="s">
        <v>1149</v>
      </c>
      <c r="I90" s="5" t="s">
        <v>1682</v>
      </c>
      <c r="J90" s="5" t="s">
        <v>1683</v>
      </c>
      <c r="K90" s="91" t="s">
        <v>2062</v>
      </c>
      <c r="M90" s="5" t="s">
        <v>56</v>
      </c>
      <c r="N90" s="10" t="s">
        <v>887</v>
      </c>
      <c r="O90" s="5">
        <v>38.331000000000003</v>
      </c>
      <c r="P90" s="87" t="s">
        <v>1684</v>
      </c>
    </row>
    <row r="91" spans="1:16" s="10" customFormat="1" ht="56.25">
      <c r="A91" s="10" t="s">
        <v>773</v>
      </c>
      <c r="B91" s="10" t="s">
        <v>20</v>
      </c>
      <c r="E91" s="17" t="s">
        <v>2595</v>
      </c>
      <c r="F91" s="17" t="s">
        <v>2597</v>
      </c>
      <c r="G91" s="10" t="s">
        <v>2555</v>
      </c>
      <c r="H91" s="10" t="s">
        <v>2556</v>
      </c>
      <c r="I91" s="10" t="s">
        <v>2557</v>
      </c>
      <c r="J91" s="10" t="s">
        <v>2558</v>
      </c>
      <c r="K91" s="10" t="s">
        <v>2559</v>
      </c>
      <c r="M91" s="10" t="s">
        <v>2560</v>
      </c>
      <c r="N91" s="5" t="s">
        <v>2561</v>
      </c>
      <c r="O91" s="5">
        <v>38.331000000000003</v>
      </c>
      <c r="P91" s="10" t="s">
        <v>2562</v>
      </c>
    </row>
    <row r="92" spans="1:16" s="10" customFormat="1" ht="45">
      <c r="A92" s="10" t="s">
        <v>773</v>
      </c>
      <c r="B92" s="10" t="s">
        <v>63</v>
      </c>
      <c r="E92" s="17" t="s">
        <v>2594</v>
      </c>
      <c r="F92" s="17" t="s">
        <v>2593</v>
      </c>
      <c r="G92" s="10" t="s">
        <v>2591</v>
      </c>
      <c r="H92" s="10" t="s">
        <v>2556</v>
      </c>
      <c r="I92" s="10" t="s">
        <v>2563</v>
      </c>
      <c r="J92" s="10" t="s">
        <v>2564</v>
      </c>
      <c r="K92" s="10" t="s">
        <v>2592</v>
      </c>
      <c r="M92" s="10" t="s">
        <v>2565</v>
      </c>
      <c r="N92" s="5" t="s">
        <v>2561</v>
      </c>
      <c r="O92" s="5">
        <v>38.331000000000003</v>
      </c>
      <c r="P92" s="10" t="s">
        <v>2566</v>
      </c>
    </row>
  </sheetData>
  <autoFilter ref="A1:P1"/>
  <mergeCells count="17">
    <mergeCell ref="P61:P62"/>
    <mergeCell ref="P3:P7"/>
    <mergeCell ref="P10:P11"/>
    <mergeCell ref="P15:P18"/>
    <mergeCell ref="P22:P23"/>
    <mergeCell ref="P24:P25"/>
    <mergeCell ref="P28:P29"/>
    <mergeCell ref="P36:P42"/>
    <mergeCell ref="P44:P45"/>
    <mergeCell ref="P49:P52"/>
    <mergeCell ref="P54:P55"/>
    <mergeCell ref="P59:P60"/>
    <mergeCell ref="P74:P75"/>
    <mergeCell ref="P77:P78"/>
    <mergeCell ref="P79:P81"/>
    <mergeCell ref="P83:P85"/>
    <mergeCell ref="P87:P88"/>
  </mergeCells>
  <phoneticPr fontId="13" type="noConversion"/>
  <conditionalFormatting sqref="M1">
    <cfRule type="expression" dxfId="187" priority="180">
      <formula>#REF!="Capability"</formula>
    </cfRule>
  </conditionalFormatting>
  <conditionalFormatting sqref="P13 G13:K13 G14:J14">
    <cfRule type="expression" dxfId="186" priority="179">
      <formula>#REF!="Capability"</formula>
    </cfRule>
  </conditionalFormatting>
  <conditionalFormatting sqref="P8:P9">
    <cfRule type="expression" dxfId="185" priority="178">
      <formula>#REF!="Capability"</formula>
    </cfRule>
  </conditionalFormatting>
  <conditionalFormatting sqref="N13:O13">
    <cfRule type="expression" dxfId="184" priority="173">
      <formula>#REF!="Capability"</formula>
    </cfRule>
  </conditionalFormatting>
  <conditionalFormatting sqref="O73:P73 M66:P68 N53 N49:O50 N52:O52 N2:O9">
    <cfRule type="expression" dxfId="183" priority="177">
      <formula>#REF!="Capability"</formula>
    </cfRule>
  </conditionalFormatting>
  <conditionalFormatting sqref="G3:K8 G2:J2">
    <cfRule type="expression" dxfId="182" priority="176">
      <formula>#REF!="Capability"</formula>
    </cfRule>
  </conditionalFormatting>
  <conditionalFormatting sqref="G9:K9">
    <cfRule type="expression" dxfId="181" priority="175">
      <formula>#REF!="Capability"</formula>
    </cfRule>
  </conditionalFormatting>
  <conditionalFormatting sqref="G16:K16">
    <cfRule type="expression" dxfId="180" priority="174">
      <formula>#REF!="Capability"</formula>
    </cfRule>
  </conditionalFormatting>
  <conditionalFormatting sqref="G17:J17">
    <cfRule type="expression" dxfId="179" priority="172">
      <formula>#REF!="Capability"</formula>
    </cfRule>
  </conditionalFormatting>
  <conditionalFormatting sqref="G18:J18 H19 J19">
    <cfRule type="expression" dxfId="178" priority="171">
      <formula>#REF!="Capability"</formula>
    </cfRule>
  </conditionalFormatting>
  <conditionalFormatting sqref="P3">
    <cfRule type="expression" dxfId="177" priority="170">
      <formula>#REF!="Capability"</formula>
    </cfRule>
  </conditionalFormatting>
  <conditionalFormatting sqref="M75">
    <cfRule type="expression" dxfId="176" priority="139">
      <formula>#REF!="Capability"</formula>
    </cfRule>
  </conditionalFormatting>
  <conditionalFormatting sqref="P9">
    <cfRule type="expression" dxfId="175" priority="169">
      <formula>#REF!="Capability"</formula>
    </cfRule>
  </conditionalFormatting>
  <conditionalFormatting sqref="P8">
    <cfRule type="expression" dxfId="174" priority="168">
      <formula>#REF!="Capability"</formula>
    </cfRule>
  </conditionalFormatting>
  <conditionalFormatting sqref="P20:P22 M14:P14 M16:O22">
    <cfRule type="expression" dxfId="173" priority="167">
      <formula>#REF!="Capability"</formula>
    </cfRule>
  </conditionalFormatting>
  <conditionalFormatting sqref="M60">
    <cfRule type="expression" dxfId="172" priority="150">
      <formula>#REF!="Capability"</formula>
    </cfRule>
  </conditionalFormatting>
  <conditionalFormatting sqref="G66:K67 K68:K72">
    <cfRule type="expression" dxfId="171" priority="149">
      <formula>#REF!="Capability"</formula>
    </cfRule>
  </conditionalFormatting>
  <conditionalFormatting sqref="P24">
    <cfRule type="expression" dxfId="170" priority="166">
      <formula>#REF!="Capability"</formula>
    </cfRule>
  </conditionalFormatting>
  <conditionalFormatting sqref="P24">
    <cfRule type="expression" dxfId="169" priority="165">
      <formula>#REF!="Capability"</formula>
    </cfRule>
  </conditionalFormatting>
  <conditionalFormatting sqref="O25">
    <cfRule type="expression" dxfId="168" priority="159">
      <formula>#REF!="Capability"</formula>
    </cfRule>
  </conditionalFormatting>
  <conditionalFormatting sqref="M24">
    <cfRule type="expression" dxfId="167" priority="164">
      <formula>#REF!="Capability"</formula>
    </cfRule>
  </conditionalFormatting>
  <conditionalFormatting sqref="M25">
    <cfRule type="expression" dxfId="166" priority="163">
      <formula>#REF!="Capability"</formula>
    </cfRule>
  </conditionalFormatting>
  <conditionalFormatting sqref="N24">
    <cfRule type="expression" dxfId="165" priority="162">
      <formula>#REF!="Capability"</formula>
    </cfRule>
  </conditionalFormatting>
  <conditionalFormatting sqref="N25">
    <cfRule type="expression" dxfId="164" priority="161">
      <formula>#REF!="Capability"</formula>
    </cfRule>
  </conditionalFormatting>
  <conditionalFormatting sqref="O24">
    <cfRule type="expression" dxfId="163" priority="160">
      <formula>#REF!="Capability"</formula>
    </cfRule>
  </conditionalFormatting>
  <conditionalFormatting sqref="M31:O32 M34:O34">
    <cfRule type="expression" dxfId="162" priority="158">
      <formula>#REF!="Capability"</formula>
    </cfRule>
  </conditionalFormatting>
  <conditionalFormatting sqref="P31 P34:P35">
    <cfRule type="expression" dxfId="161" priority="157">
      <formula>#REF!="Capability"</formula>
    </cfRule>
  </conditionalFormatting>
  <conditionalFormatting sqref="P31 P34:P35">
    <cfRule type="expression" dxfId="160" priority="156">
      <formula>#REF!="Capability"</formula>
    </cfRule>
  </conditionalFormatting>
  <conditionalFormatting sqref="N43:P43 O36:P36 N37:O42 P44 M36:M45">
    <cfRule type="expression" dxfId="159" priority="155">
      <formula>#REF!="Capability"</formula>
    </cfRule>
  </conditionalFormatting>
  <conditionalFormatting sqref="M46:P47">
    <cfRule type="expression" dxfId="158" priority="154">
      <formula>#REF!="Capability"</formula>
    </cfRule>
  </conditionalFormatting>
  <conditionalFormatting sqref="P49 N60:O60 M58:O59 M61:O63">
    <cfRule type="expression" dxfId="157" priority="153">
      <formula>#REF!="Capability"</formula>
    </cfRule>
  </conditionalFormatting>
  <conditionalFormatting sqref="P49">
    <cfRule type="expression" dxfId="156" priority="152">
      <formula>#REF!="Capability"</formula>
    </cfRule>
  </conditionalFormatting>
  <conditionalFormatting sqref="P49">
    <cfRule type="expression" dxfId="155" priority="151">
      <formula>#REF!="Capability"</formula>
    </cfRule>
  </conditionalFormatting>
  <conditionalFormatting sqref="I75">
    <cfRule type="expression" dxfId="154" priority="145">
      <formula>#REF!="Capability"</formula>
    </cfRule>
  </conditionalFormatting>
  <conditionalFormatting sqref="K75">
    <cfRule type="expression" dxfId="153" priority="144">
      <formula>#REF!="Capability"</formula>
    </cfRule>
  </conditionalFormatting>
  <conditionalFormatting sqref="P74">
    <cfRule type="expression" dxfId="152" priority="143">
      <formula>#REF!="Capability"</formula>
    </cfRule>
  </conditionalFormatting>
  <conditionalFormatting sqref="G74:H74 J74:K74">
    <cfRule type="expression" dxfId="151" priority="148">
      <formula>#REF!="Capability"</formula>
    </cfRule>
  </conditionalFormatting>
  <conditionalFormatting sqref="G75:H75 J75">
    <cfRule type="expression" dxfId="150" priority="147">
      <formula>#REF!="Capability"</formula>
    </cfRule>
  </conditionalFormatting>
  <conditionalFormatting sqref="I74">
    <cfRule type="expression" dxfId="149" priority="146">
      <formula>#REF!="Capability"</formula>
    </cfRule>
  </conditionalFormatting>
  <conditionalFormatting sqref="I69">
    <cfRule type="expression" dxfId="148" priority="117">
      <formula>#REF!="Capability"</formula>
    </cfRule>
  </conditionalFormatting>
  <conditionalFormatting sqref="P69:P72">
    <cfRule type="expression" dxfId="147" priority="116">
      <formula>#REF!="Capability"</formula>
    </cfRule>
  </conditionalFormatting>
  <conditionalFormatting sqref="I70">
    <cfRule type="expression" dxfId="146" priority="115">
      <formula>#REF!="Capability"</formula>
    </cfRule>
  </conditionalFormatting>
  <conditionalFormatting sqref="N74:N75">
    <cfRule type="expression" dxfId="145" priority="142">
      <formula>#REF!="Capability"</formula>
    </cfRule>
  </conditionalFormatting>
  <conditionalFormatting sqref="O74:O75">
    <cfRule type="expression" dxfId="144" priority="141">
      <formula>#REF!="Capability"</formula>
    </cfRule>
  </conditionalFormatting>
  <conditionalFormatting sqref="M74">
    <cfRule type="expression" dxfId="143" priority="140">
      <formula>#REF!="Capability"</formula>
    </cfRule>
  </conditionalFormatting>
  <conditionalFormatting sqref="P10">
    <cfRule type="expression" dxfId="142" priority="136">
      <formula>#REF!="Capability"</formula>
    </cfRule>
  </conditionalFormatting>
  <conditionalFormatting sqref="N10:O10">
    <cfRule type="expression" dxfId="141" priority="138">
      <formula>#REF!="Capability"</formula>
    </cfRule>
  </conditionalFormatting>
  <conditionalFormatting sqref="H10:H11">
    <cfRule type="expression" dxfId="140" priority="137">
      <formula>#REF!="Capability"</formula>
    </cfRule>
  </conditionalFormatting>
  <conditionalFormatting sqref="N11:O11">
    <cfRule type="expression" dxfId="139" priority="133">
      <formula>#REF!="Capability"</formula>
    </cfRule>
  </conditionalFormatting>
  <conditionalFormatting sqref="P10">
    <cfRule type="expression" dxfId="138" priority="135">
      <formula>#REF!="Capability"</formula>
    </cfRule>
  </conditionalFormatting>
  <conditionalFormatting sqref="K35">
    <cfRule type="expression" dxfId="137" priority="128">
      <formula>#REF!="Capability"</formula>
    </cfRule>
  </conditionalFormatting>
  <conditionalFormatting sqref="P10">
    <cfRule type="expression" dxfId="136" priority="134">
      <formula>#REF!="Capability"</formula>
    </cfRule>
  </conditionalFormatting>
  <conditionalFormatting sqref="M35:O35">
    <cfRule type="expression" dxfId="135" priority="127">
      <formula>#REF!="Capability"</formula>
    </cfRule>
  </conditionalFormatting>
  <conditionalFormatting sqref="G65">
    <cfRule type="expression" dxfId="134" priority="126">
      <formula>#REF!="Capability"</formula>
    </cfRule>
  </conditionalFormatting>
  <conditionalFormatting sqref="K32">
    <cfRule type="expression" dxfId="133" priority="132">
      <formula>#REF!="Capability"</formula>
    </cfRule>
  </conditionalFormatting>
  <conditionalFormatting sqref="P32">
    <cfRule type="expression" dxfId="132" priority="131">
      <formula>#REF!="Capability"</formula>
    </cfRule>
  </conditionalFormatting>
  <conditionalFormatting sqref="P32">
    <cfRule type="expression" dxfId="131" priority="130">
      <formula>#REF!="Capability"</formula>
    </cfRule>
  </conditionalFormatting>
  <conditionalFormatting sqref="J35">
    <cfRule type="expression" dxfId="130" priority="129">
      <formula>#REF!="Capability"</formula>
    </cfRule>
  </conditionalFormatting>
  <conditionalFormatting sqref="I72">
    <cfRule type="expression" dxfId="129" priority="113">
      <formula>#REF!="Capability"</formula>
    </cfRule>
  </conditionalFormatting>
  <conditionalFormatting sqref="J65">
    <cfRule type="expression" dxfId="128" priority="125">
      <formula>#REF!="Capability"</formula>
    </cfRule>
  </conditionalFormatting>
  <conditionalFormatting sqref="K65">
    <cfRule type="expression" dxfId="127" priority="124">
      <formula>#REF!="Capability"</formula>
    </cfRule>
  </conditionalFormatting>
  <conditionalFormatting sqref="M65:O65">
    <cfRule type="expression" dxfId="126" priority="123">
      <formula>#REF!="Capability"</formula>
    </cfRule>
  </conditionalFormatting>
  <conditionalFormatting sqref="I65">
    <cfRule type="expression" dxfId="125" priority="122">
      <formula>#REF!="Capability"</formula>
    </cfRule>
  </conditionalFormatting>
  <conditionalFormatting sqref="G68:G72 G79:G81 G90 J79:K81 J90">
    <cfRule type="expression" dxfId="124" priority="121">
      <formula>#REF!="Capability"</formula>
    </cfRule>
  </conditionalFormatting>
  <conditionalFormatting sqref="H68:I68 H69:H72">
    <cfRule type="expression" dxfId="123" priority="120">
      <formula>#REF!="Capability"</formula>
    </cfRule>
  </conditionalFormatting>
  <conditionalFormatting sqref="J68:J72">
    <cfRule type="expression" dxfId="122" priority="119">
      <formula>#REF!="Capability"</formula>
    </cfRule>
  </conditionalFormatting>
  <conditionalFormatting sqref="M69:O72">
    <cfRule type="expression" dxfId="121" priority="118">
      <formula>#REF!="Capability"</formula>
    </cfRule>
  </conditionalFormatting>
  <conditionalFormatting sqref="I71">
    <cfRule type="expression" dxfId="120" priority="114">
      <formula>#REF!="Capability"</formula>
    </cfRule>
  </conditionalFormatting>
  <conditionalFormatting sqref="G73">
    <cfRule type="expression" dxfId="119" priority="112">
      <formula>#REF!="Capability"</formula>
    </cfRule>
  </conditionalFormatting>
  <conditionalFormatting sqref="I73">
    <cfRule type="expression" dxfId="118" priority="111">
      <formula>#REF!="Capability"</formula>
    </cfRule>
  </conditionalFormatting>
  <conditionalFormatting sqref="P48">
    <cfRule type="expression" dxfId="117" priority="108">
      <formula>#REF!="Capability"</formula>
    </cfRule>
  </conditionalFormatting>
  <conditionalFormatting sqref="P48">
    <cfRule type="expression" dxfId="116" priority="107">
      <formula>#REF!="Capability"</formula>
    </cfRule>
  </conditionalFormatting>
  <conditionalFormatting sqref="M23:O23">
    <cfRule type="expression" dxfId="115" priority="110">
      <formula>#REF!="Capability"</formula>
    </cfRule>
  </conditionalFormatting>
  <conditionalFormatting sqref="M48:N48 P48">
    <cfRule type="expression" dxfId="114" priority="109">
      <formula>#REF!="Capability"</formula>
    </cfRule>
  </conditionalFormatting>
  <conditionalFormatting sqref="O48">
    <cfRule type="expression" dxfId="113" priority="106">
      <formula>#REF!="Capability"</formula>
    </cfRule>
  </conditionalFormatting>
  <conditionalFormatting sqref="O53">
    <cfRule type="expression" dxfId="112" priority="105">
      <formula>#REF!="Capability"</formula>
    </cfRule>
  </conditionalFormatting>
  <conditionalFormatting sqref="K2">
    <cfRule type="expression" dxfId="111" priority="104">
      <formula>#REF!="Capability"</formula>
    </cfRule>
  </conditionalFormatting>
  <conditionalFormatting sqref="G10:G11">
    <cfRule type="expression" dxfId="110" priority="103">
      <formula>#REF!="Capability"</formula>
    </cfRule>
  </conditionalFormatting>
  <conditionalFormatting sqref="I10:I11">
    <cfRule type="expression" dxfId="109" priority="102">
      <formula>#REF!="Capability"</formula>
    </cfRule>
  </conditionalFormatting>
  <conditionalFormatting sqref="J10:J11">
    <cfRule type="expression" dxfId="108" priority="101">
      <formula>#REF!="Capability"</formula>
    </cfRule>
  </conditionalFormatting>
  <conditionalFormatting sqref="K10:K11">
    <cfRule type="expression" dxfId="107" priority="100">
      <formula>#REF!="Capability"</formula>
    </cfRule>
  </conditionalFormatting>
  <conditionalFormatting sqref="P12">
    <cfRule type="expression" dxfId="106" priority="99">
      <formula>#REF!="Capability"</formula>
    </cfRule>
  </conditionalFormatting>
  <conditionalFormatting sqref="G12:K12">
    <cfRule type="expression" dxfId="105" priority="98">
      <formula>#REF!="Capability"</formula>
    </cfRule>
  </conditionalFormatting>
  <conditionalFormatting sqref="P12">
    <cfRule type="expression" dxfId="104" priority="97">
      <formula>#REF!="Capability"</formula>
    </cfRule>
  </conditionalFormatting>
  <conditionalFormatting sqref="N12:O12">
    <cfRule type="expression" dxfId="103" priority="96">
      <formula>#REF!="Capability"</formula>
    </cfRule>
  </conditionalFormatting>
  <conditionalFormatting sqref="K17">
    <cfRule type="expression" dxfId="102" priority="95">
      <formula>#REF!="Capability"</formula>
    </cfRule>
  </conditionalFormatting>
  <conditionalFormatting sqref="K18:K19">
    <cfRule type="expression" dxfId="101" priority="94">
      <formula>#REF!="Capability"</formula>
    </cfRule>
  </conditionalFormatting>
  <conditionalFormatting sqref="P15">
    <cfRule type="expression" dxfId="100" priority="93">
      <formula>#REF!="Capability"</formula>
    </cfRule>
  </conditionalFormatting>
  <conditionalFormatting sqref="J56">
    <cfRule type="expression" dxfId="99" priority="91">
      <formula>#REF!="Capability"</formula>
    </cfRule>
  </conditionalFormatting>
  <conditionalFormatting sqref="G56">
    <cfRule type="expression" dxfId="98" priority="92">
      <formula>#REF!="Capability"</formula>
    </cfRule>
  </conditionalFormatting>
  <conditionalFormatting sqref="K56">
    <cfRule type="expression" dxfId="97" priority="90">
      <formula>#REF!="Capability"</formula>
    </cfRule>
  </conditionalFormatting>
  <conditionalFormatting sqref="I56">
    <cfRule type="expression" dxfId="96" priority="89">
      <formula>#REF!="Capability"</formula>
    </cfRule>
  </conditionalFormatting>
  <conditionalFormatting sqref="N56">
    <cfRule type="expression" dxfId="95" priority="88">
      <formula>#REF!="Capability"</formula>
    </cfRule>
  </conditionalFormatting>
  <conditionalFormatting sqref="K79">
    <cfRule type="expression" dxfId="94" priority="87">
      <formula>#REF!="Capability"</formula>
    </cfRule>
  </conditionalFormatting>
  <conditionalFormatting sqref="K80">
    <cfRule type="expression" dxfId="93" priority="86">
      <formula>#REF!="Capability"</formula>
    </cfRule>
  </conditionalFormatting>
  <conditionalFormatting sqref="M79:M81">
    <cfRule type="expression" dxfId="92" priority="85">
      <formula>#REF!="Capability"</formula>
    </cfRule>
  </conditionalFormatting>
  <conditionalFormatting sqref="M80:M81">
    <cfRule type="expression" dxfId="91" priority="84">
      <formula>#REF!="Capability"</formula>
    </cfRule>
  </conditionalFormatting>
  <conditionalFormatting sqref="M81">
    <cfRule type="expression" dxfId="90" priority="83">
      <formula>#REF!="Capability"</formula>
    </cfRule>
  </conditionalFormatting>
  <conditionalFormatting sqref="I80:I81">
    <cfRule type="expression" dxfId="89" priority="81">
      <formula>#REF!="Capability"</formula>
    </cfRule>
  </conditionalFormatting>
  <conditionalFormatting sqref="I79:I81">
    <cfRule type="expression" dxfId="88" priority="82">
      <formula>#REF!="Capability"</formula>
    </cfRule>
  </conditionalFormatting>
  <conditionalFormatting sqref="G64">
    <cfRule type="expression" dxfId="87" priority="80">
      <formula>#REF!="Capability"</formula>
    </cfRule>
  </conditionalFormatting>
  <conditionalFormatting sqref="J64">
    <cfRule type="expression" dxfId="86" priority="79">
      <formula>#REF!="Capability"</formula>
    </cfRule>
  </conditionalFormatting>
  <conditionalFormatting sqref="K64">
    <cfRule type="expression" dxfId="85" priority="78">
      <formula>#REF!="Capability"</formula>
    </cfRule>
  </conditionalFormatting>
  <conditionalFormatting sqref="M64:N64">
    <cfRule type="expression" dxfId="84" priority="77">
      <formula>#REF!="Capability"</formula>
    </cfRule>
  </conditionalFormatting>
  <conditionalFormatting sqref="O64">
    <cfRule type="expression" dxfId="83" priority="76">
      <formula>#REF!="Capability"</formula>
    </cfRule>
  </conditionalFormatting>
  <conditionalFormatting sqref="I64">
    <cfRule type="expression" dxfId="82" priority="75">
      <formula>#REF!="Capability"</formula>
    </cfRule>
  </conditionalFormatting>
  <conditionalFormatting sqref="K15">
    <cfRule type="expression" dxfId="81" priority="74">
      <formula>#REF!="Capability"</formula>
    </cfRule>
  </conditionalFormatting>
  <conditionalFormatting sqref="M15:O15">
    <cfRule type="expression" dxfId="80" priority="73">
      <formula>#REF!="Capability"</formula>
    </cfRule>
  </conditionalFormatting>
  <conditionalFormatting sqref="M33:O33">
    <cfRule type="expression" dxfId="79" priority="72">
      <formula>#REF!="Capability"</formula>
    </cfRule>
  </conditionalFormatting>
  <conditionalFormatting sqref="K33">
    <cfRule type="expression" dxfId="78" priority="71">
      <formula>#REF!="Capability"</formula>
    </cfRule>
  </conditionalFormatting>
  <conditionalFormatting sqref="P33">
    <cfRule type="expression" dxfId="77" priority="70">
      <formula>#REF!="Capability"</formula>
    </cfRule>
  </conditionalFormatting>
  <conditionalFormatting sqref="P33">
    <cfRule type="expression" dxfId="76" priority="69">
      <formula>#REF!="Capability"</formula>
    </cfRule>
  </conditionalFormatting>
  <conditionalFormatting sqref="O51">
    <cfRule type="expression" dxfId="75" priority="68">
      <formula>#REF!="Capability"</formula>
    </cfRule>
  </conditionalFormatting>
  <conditionalFormatting sqref="N51">
    <cfRule type="expression" dxfId="74" priority="67">
      <formula>#REF!="Capability"</formula>
    </cfRule>
  </conditionalFormatting>
  <conditionalFormatting sqref="M49">
    <cfRule type="expression" dxfId="73" priority="66">
      <formula>#REF!="Capability"</formula>
    </cfRule>
  </conditionalFormatting>
  <conditionalFormatting sqref="M50">
    <cfRule type="expression" dxfId="72" priority="65">
      <formula>#REF!="Capability"</formula>
    </cfRule>
  </conditionalFormatting>
  <conditionalFormatting sqref="M51">
    <cfRule type="expression" dxfId="71" priority="64">
      <formula>#REF!="Capability"</formula>
    </cfRule>
  </conditionalFormatting>
  <conditionalFormatting sqref="M52">
    <cfRule type="expression" dxfId="70" priority="63">
      <formula>#REF!="Capability"</formula>
    </cfRule>
  </conditionalFormatting>
  <conditionalFormatting sqref="M53">
    <cfRule type="expression" dxfId="69" priority="62">
      <formula>#REF!="Capability"</formula>
    </cfRule>
  </conditionalFormatting>
  <conditionalFormatting sqref="M56">
    <cfRule type="expression" dxfId="68" priority="61">
      <formula>#REF!="Capability"</formula>
    </cfRule>
  </conditionalFormatting>
  <conditionalFormatting sqref="N54">
    <cfRule type="expression" dxfId="67" priority="60">
      <formula>#REF!="Capability"</formula>
    </cfRule>
  </conditionalFormatting>
  <conditionalFormatting sqref="O54">
    <cfRule type="expression" dxfId="66" priority="59">
      <formula>#REF!="Capability"</formula>
    </cfRule>
  </conditionalFormatting>
  <conditionalFormatting sqref="M54">
    <cfRule type="expression" dxfId="65" priority="58">
      <formula>#REF!="Capability"</formula>
    </cfRule>
  </conditionalFormatting>
  <conditionalFormatting sqref="G54:K54">
    <cfRule type="expression" dxfId="64" priority="57">
      <formula>#REF!="Capability"</formula>
    </cfRule>
  </conditionalFormatting>
  <conditionalFormatting sqref="G55:O55">
    <cfRule type="expression" dxfId="63" priority="56">
      <formula>#REF!="Capability"</formula>
    </cfRule>
  </conditionalFormatting>
  <conditionalFormatting sqref="G83">
    <cfRule type="expression" dxfId="62" priority="55">
      <formula>#REF!="Capability"</formula>
    </cfRule>
  </conditionalFormatting>
  <conditionalFormatting sqref="J83">
    <cfRule type="expression" dxfId="61" priority="54">
      <formula>#REF!="Capability"</formula>
    </cfRule>
  </conditionalFormatting>
  <conditionalFormatting sqref="K83">
    <cfRule type="expression" dxfId="60" priority="53">
      <formula>#REF!="Capability"</formula>
    </cfRule>
  </conditionalFormatting>
  <conditionalFormatting sqref="K83">
    <cfRule type="expression" dxfId="59" priority="52">
      <formula>#REF!="Capability"</formula>
    </cfRule>
  </conditionalFormatting>
  <conditionalFormatting sqref="M83">
    <cfRule type="expression" dxfId="58" priority="51">
      <formula>#REF!="Capability"</formula>
    </cfRule>
  </conditionalFormatting>
  <conditionalFormatting sqref="I83">
    <cfRule type="expression" dxfId="57" priority="50">
      <formula>#REF!="Capability"</formula>
    </cfRule>
  </conditionalFormatting>
  <conditionalFormatting sqref="M84">
    <cfRule type="expression" dxfId="56" priority="49">
      <formula>#REF!="Capability"</formula>
    </cfRule>
  </conditionalFormatting>
  <conditionalFormatting sqref="M85">
    <cfRule type="expression" dxfId="55" priority="48">
      <formula>#REF!="Capability"</formula>
    </cfRule>
  </conditionalFormatting>
  <conditionalFormatting sqref="M26">
    <cfRule type="expression" dxfId="54" priority="47">
      <formula>#REF!="Capability"</formula>
    </cfRule>
  </conditionalFormatting>
  <conditionalFormatting sqref="M28">
    <cfRule type="expression" dxfId="53" priority="46">
      <formula>#REF!="Capability"</formula>
    </cfRule>
  </conditionalFormatting>
  <conditionalFormatting sqref="M27">
    <cfRule type="expression" dxfId="52" priority="45">
      <formula>#REF!="Capability"</formula>
    </cfRule>
  </conditionalFormatting>
  <conditionalFormatting sqref="M29">
    <cfRule type="expression" dxfId="51" priority="44">
      <formula>#REF!="Capability"</formula>
    </cfRule>
  </conditionalFormatting>
  <conditionalFormatting sqref="M30">
    <cfRule type="expression" dxfId="50" priority="43">
      <formula>#REF!="Capability"</formula>
    </cfRule>
  </conditionalFormatting>
  <conditionalFormatting sqref="G19">
    <cfRule type="expression" dxfId="49" priority="42">
      <formula>#REF!="Capability"</formula>
    </cfRule>
  </conditionalFormatting>
  <conditionalFormatting sqref="I19">
    <cfRule type="expression" dxfId="48" priority="41">
      <formula>#REF!="Capability"</formula>
    </cfRule>
  </conditionalFormatting>
  <conditionalFormatting sqref="M44:O44">
    <cfRule type="expression" dxfId="47" priority="40">
      <formula>#REF!="Capability"</formula>
    </cfRule>
  </conditionalFormatting>
  <conditionalFormatting sqref="M45:O45">
    <cfRule type="expression" dxfId="46" priority="39">
      <formula>#REF!="Capability"</formula>
    </cfRule>
  </conditionalFormatting>
  <conditionalFormatting sqref="G15:J15">
    <cfRule type="expression" dxfId="45" priority="38">
      <formula>#REF!="Capability"</formula>
    </cfRule>
  </conditionalFormatting>
  <conditionalFormatting sqref="K86">
    <cfRule type="expression" dxfId="44" priority="36">
      <formula>#REF!="Capability"</formula>
    </cfRule>
  </conditionalFormatting>
  <conditionalFormatting sqref="M86:O86">
    <cfRule type="expression" dxfId="43" priority="35">
      <formula>#REF!="Capability"</formula>
    </cfRule>
  </conditionalFormatting>
  <conditionalFormatting sqref="J86">
    <cfRule type="expression" dxfId="42" priority="37">
      <formula>#REF!="Capability"</formula>
    </cfRule>
  </conditionalFormatting>
  <conditionalFormatting sqref="P86">
    <cfRule type="expression" dxfId="41" priority="34">
      <formula>#REF!="Capability"</formula>
    </cfRule>
  </conditionalFormatting>
  <conditionalFormatting sqref="P86">
    <cfRule type="expression" dxfId="40" priority="33">
      <formula>#REF!="Capability"</formula>
    </cfRule>
  </conditionalFormatting>
  <conditionalFormatting sqref="O56">
    <cfRule type="expression" dxfId="39" priority="32">
      <formula>#REF!="Capability"</formula>
    </cfRule>
  </conditionalFormatting>
  <conditionalFormatting sqref="K20">
    <cfRule type="expression" dxfId="38" priority="31">
      <formula>#REF!="Capability"</formula>
    </cfRule>
  </conditionalFormatting>
  <conditionalFormatting sqref="N36:N45">
    <cfRule type="expression" dxfId="37" priority="30">
      <formula>#REF!="Capability"</formula>
    </cfRule>
  </conditionalFormatting>
  <conditionalFormatting sqref="M73">
    <cfRule type="expression" dxfId="36" priority="29">
      <formula>#REF!="Capability"</formula>
    </cfRule>
  </conditionalFormatting>
  <conditionalFormatting sqref="N73">
    <cfRule type="expression" dxfId="35" priority="28">
      <formula>#REF!="Capability"</formula>
    </cfRule>
  </conditionalFormatting>
  <conditionalFormatting sqref="N73">
    <cfRule type="expression" dxfId="34" priority="27">
      <formula>#REF!="Capability"</formula>
    </cfRule>
  </conditionalFormatting>
  <conditionalFormatting sqref="M82">
    <cfRule type="expression" dxfId="33" priority="26">
      <formula>#REF!="Capability"</formula>
    </cfRule>
  </conditionalFormatting>
  <conditionalFormatting sqref="N82">
    <cfRule type="expression" dxfId="32" priority="25">
      <formula>#REF!="Capability"</formula>
    </cfRule>
  </conditionalFormatting>
  <conditionalFormatting sqref="N82">
    <cfRule type="expression" dxfId="31" priority="24">
      <formula>#REF!="Capability"</formula>
    </cfRule>
  </conditionalFormatting>
  <conditionalFormatting sqref="J57">
    <cfRule type="expression" dxfId="30" priority="22">
      <formula>#REF!="Capability"</formula>
    </cfRule>
  </conditionalFormatting>
  <conditionalFormatting sqref="G57">
    <cfRule type="expression" dxfId="29" priority="23">
      <formula>#REF!="Capability"</formula>
    </cfRule>
  </conditionalFormatting>
  <conditionalFormatting sqref="K57">
    <cfRule type="expression" dxfId="28" priority="21">
      <formula>#REF!="Capability"</formula>
    </cfRule>
  </conditionalFormatting>
  <conditionalFormatting sqref="I57">
    <cfRule type="expression" dxfId="27" priority="20">
      <formula>#REF!="Capability"</formula>
    </cfRule>
  </conditionalFormatting>
  <conditionalFormatting sqref="N57">
    <cfRule type="expression" dxfId="26" priority="19">
      <formula>#REF!="Capability"</formula>
    </cfRule>
  </conditionalFormatting>
  <conditionalFormatting sqref="M57">
    <cfRule type="expression" dxfId="25" priority="18">
      <formula>#REF!="Capability"</formula>
    </cfRule>
  </conditionalFormatting>
  <conditionalFormatting sqref="O57">
    <cfRule type="expression" dxfId="24" priority="17">
      <formula>#REF!="Capability"</formula>
    </cfRule>
  </conditionalFormatting>
  <conditionalFormatting sqref="M87:O87">
    <cfRule type="expression" dxfId="23" priority="16">
      <formula>#REF!="Capability"</formula>
    </cfRule>
  </conditionalFormatting>
  <conditionalFormatting sqref="N88:O88">
    <cfRule type="expression" dxfId="22" priority="15">
      <formula>#REF!="Capability"</formula>
    </cfRule>
  </conditionalFormatting>
  <conditionalFormatting sqref="I90">
    <cfRule type="expression" dxfId="21" priority="14">
      <formula>#REF!="Capability"</formula>
    </cfRule>
  </conditionalFormatting>
  <conditionalFormatting sqref="I90">
    <cfRule type="expression" dxfId="20" priority="13">
      <formula>#REF!="Capability"</formula>
    </cfRule>
  </conditionalFormatting>
  <conditionalFormatting sqref="M90">
    <cfRule type="expression" dxfId="19" priority="12">
      <formula>#REF!="Capability"</formula>
    </cfRule>
  </conditionalFormatting>
  <conditionalFormatting sqref="M90">
    <cfRule type="expression" dxfId="18" priority="11">
      <formula>#REF!="Capability"</formula>
    </cfRule>
  </conditionalFormatting>
  <conditionalFormatting sqref="M90">
    <cfRule type="expression" dxfId="17" priority="10">
      <formula>#REF!="Capability"</formula>
    </cfRule>
  </conditionalFormatting>
  <conditionalFormatting sqref="O90">
    <cfRule type="expression" dxfId="16" priority="9">
      <formula>#REF!="Capability"</formula>
    </cfRule>
  </conditionalFormatting>
  <conditionalFormatting sqref="N89">
    <cfRule type="expression" dxfId="15" priority="8">
      <formula>#REF!="Capability"</formula>
    </cfRule>
  </conditionalFormatting>
  <conditionalFormatting sqref="O89">
    <cfRule type="expression" dxfId="14" priority="7">
      <formula>#REF!="Capability"</formula>
    </cfRule>
  </conditionalFormatting>
  <conditionalFormatting sqref="M88">
    <cfRule type="expression" dxfId="13" priority="6">
      <formula>#REF!="Capability"</formula>
    </cfRule>
  </conditionalFormatting>
  <conditionalFormatting sqref="N91">
    <cfRule type="expression" dxfId="12" priority="5">
      <formula>#REF!="Capability"</formula>
    </cfRule>
  </conditionalFormatting>
  <conditionalFormatting sqref="O91">
    <cfRule type="expression" dxfId="11" priority="4">
      <formula>#REF!="Capability"</formula>
    </cfRule>
  </conditionalFormatting>
  <conditionalFormatting sqref="N92">
    <cfRule type="expression" dxfId="10" priority="3">
      <formula>#REF!="Capability"</formula>
    </cfRule>
  </conditionalFormatting>
  <conditionalFormatting sqref="O92">
    <cfRule type="expression" dxfId="9" priority="2">
      <formula>#REF!="Capability"</formula>
    </cfRule>
  </conditionalFormatting>
  <conditionalFormatting sqref="K14">
    <cfRule type="expression" dxfId="8" priority="1">
      <formula>#REF!="Capability"</formula>
    </cfRule>
  </conditionalFormatting>
  <pageMargins left="0.7" right="0.7" top="0.75" bottom="0.75" header="0.3" footer="0.3"/>
  <pageSetup orientation="portrait"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P109"/>
  <sheetViews>
    <sheetView zoomScale="115" zoomScaleNormal="115" workbookViewId="0">
      <pane xSplit="7" ySplit="1" topLeftCell="H18" activePane="bottomRight" state="frozen"/>
      <selection pane="topRight" activeCell="G1" sqref="G1"/>
      <selection pane="bottomLeft" activeCell="A2" sqref="A2"/>
      <selection pane="bottomRight" activeCell="J19" sqref="J19"/>
    </sheetView>
  </sheetViews>
  <sheetFormatPr defaultColWidth="13.125" defaultRowHeight="30" customHeight="1"/>
  <cols>
    <col min="1" max="1" width="10.375" style="13" customWidth="1"/>
    <col min="2" max="2" width="15.625" style="13" customWidth="1"/>
    <col min="3" max="3" width="10.375" style="13" customWidth="1"/>
    <col min="4" max="4" width="8" style="13" customWidth="1"/>
    <col min="5" max="5" width="9.375" style="13" customWidth="1"/>
    <col min="6" max="6" width="10.625" style="13" customWidth="1"/>
    <col min="7" max="7" width="17.625" style="13" customWidth="1"/>
    <col min="8" max="8" width="8.375" style="13" customWidth="1"/>
    <col min="9" max="9" width="15.375" style="13" customWidth="1"/>
    <col min="10" max="10" width="53.125" style="13" customWidth="1"/>
    <col min="11" max="11" width="44.375" style="13" customWidth="1"/>
    <col min="12" max="12" width="12" style="13" customWidth="1"/>
    <col min="13" max="14" width="11.375" style="13" customWidth="1"/>
    <col min="15" max="15" width="13.125" style="13"/>
    <col min="16" max="16" width="76.37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ht="67.5" customHeight="1">
      <c r="A2" s="13" t="s">
        <v>774</v>
      </c>
      <c r="B2" s="55" t="s">
        <v>172</v>
      </c>
      <c r="C2" s="56" t="s">
        <v>178</v>
      </c>
      <c r="D2" s="13" t="s">
        <v>269</v>
      </c>
      <c r="E2" s="55" t="s">
        <v>2222</v>
      </c>
      <c r="F2" s="3" t="s">
        <v>2223</v>
      </c>
      <c r="G2" s="56" t="s">
        <v>453</v>
      </c>
      <c r="H2" s="57" t="s">
        <v>69</v>
      </c>
      <c r="I2" s="55" t="s">
        <v>500</v>
      </c>
      <c r="J2" s="58" t="s">
        <v>501</v>
      </c>
      <c r="K2" s="55" t="s">
        <v>502</v>
      </c>
      <c r="L2" s="59" t="s">
        <v>193</v>
      </c>
      <c r="N2" s="60" t="s">
        <v>12</v>
      </c>
      <c r="O2" s="61" t="s">
        <v>13</v>
      </c>
      <c r="P2" s="62" t="s">
        <v>1753</v>
      </c>
    </row>
    <row r="3" spans="1:16" ht="108.75" customHeight="1">
      <c r="A3" s="13" t="s">
        <v>774</v>
      </c>
      <c r="B3" s="55" t="s">
        <v>172</v>
      </c>
      <c r="C3" s="56" t="s">
        <v>179</v>
      </c>
      <c r="D3" s="13" t="s">
        <v>270</v>
      </c>
      <c r="E3" s="55" t="s">
        <v>435</v>
      </c>
      <c r="F3" s="3" t="s">
        <v>2224</v>
      </c>
      <c r="G3" s="56" t="s">
        <v>454</v>
      </c>
      <c r="H3" s="57" t="s">
        <v>69</v>
      </c>
      <c r="I3" s="55" t="s">
        <v>454</v>
      </c>
      <c r="J3" s="56" t="s">
        <v>504</v>
      </c>
      <c r="K3" s="55" t="s">
        <v>180</v>
      </c>
      <c r="L3" s="59" t="s">
        <v>193</v>
      </c>
      <c r="N3" s="60" t="s">
        <v>12</v>
      </c>
      <c r="O3" s="61" t="s">
        <v>13</v>
      </c>
      <c r="P3" s="62" t="s">
        <v>281</v>
      </c>
    </row>
    <row r="4" spans="1:16" ht="111.75" customHeight="1">
      <c r="A4" s="13" t="s">
        <v>774</v>
      </c>
      <c r="B4" s="55" t="s">
        <v>172</v>
      </c>
      <c r="C4" s="56" t="s">
        <v>179</v>
      </c>
      <c r="D4" s="13" t="s">
        <v>271</v>
      </c>
      <c r="E4" s="55" t="s">
        <v>435</v>
      </c>
      <c r="F4" s="3" t="s">
        <v>2225</v>
      </c>
      <c r="G4" s="56" t="s">
        <v>455</v>
      </c>
      <c r="H4" s="57" t="s">
        <v>69</v>
      </c>
      <c r="I4" s="55" t="s">
        <v>455</v>
      </c>
      <c r="J4" s="56" t="s">
        <v>505</v>
      </c>
      <c r="K4" s="55" t="s">
        <v>181</v>
      </c>
      <c r="L4" s="57" t="s">
        <v>193</v>
      </c>
      <c r="N4" s="61" t="s">
        <v>12</v>
      </c>
      <c r="O4" s="60" t="s">
        <v>13</v>
      </c>
      <c r="P4" s="62" t="s">
        <v>506</v>
      </c>
    </row>
    <row r="5" spans="1:16" ht="109.5" customHeight="1">
      <c r="A5" s="13" t="s">
        <v>774</v>
      </c>
      <c r="B5" s="55" t="s">
        <v>172</v>
      </c>
      <c r="C5" s="56" t="s">
        <v>179</v>
      </c>
      <c r="D5" s="13" t="s">
        <v>271</v>
      </c>
      <c r="E5" s="55" t="s">
        <v>435</v>
      </c>
      <c r="F5" s="3" t="s">
        <v>2226</v>
      </c>
      <c r="G5" s="56" t="s">
        <v>456</v>
      </c>
      <c r="H5" s="57" t="s">
        <v>69</v>
      </c>
      <c r="I5" s="55" t="s">
        <v>456</v>
      </c>
      <c r="J5" s="56" t="s">
        <v>507</v>
      </c>
      <c r="K5" s="55" t="s">
        <v>182</v>
      </c>
      <c r="L5" s="57" t="s">
        <v>193</v>
      </c>
      <c r="N5" s="61" t="s">
        <v>12</v>
      </c>
      <c r="O5" s="60" t="s">
        <v>13</v>
      </c>
      <c r="P5" s="62" t="s">
        <v>508</v>
      </c>
    </row>
    <row r="6" spans="1:16" ht="123" customHeight="1">
      <c r="A6" s="13" t="s">
        <v>774</v>
      </c>
      <c r="B6" s="55" t="s">
        <v>172</v>
      </c>
      <c r="C6" s="56" t="s">
        <v>179</v>
      </c>
      <c r="D6" s="13" t="s">
        <v>272</v>
      </c>
      <c r="E6" s="55" t="s">
        <v>435</v>
      </c>
      <c r="F6" s="3" t="s">
        <v>2227</v>
      </c>
      <c r="G6" s="56" t="s">
        <v>457</v>
      </c>
      <c r="H6" s="57" t="s">
        <v>69</v>
      </c>
      <c r="I6" s="55" t="s">
        <v>457</v>
      </c>
      <c r="J6" s="56" t="s">
        <v>509</v>
      </c>
      <c r="K6" s="55" t="s">
        <v>510</v>
      </c>
      <c r="L6" s="57" t="s">
        <v>193</v>
      </c>
      <c r="N6" s="61" t="s">
        <v>12</v>
      </c>
      <c r="O6" s="60" t="s">
        <v>13</v>
      </c>
      <c r="P6" s="62" t="s">
        <v>1362</v>
      </c>
    </row>
    <row r="7" spans="1:16" ht="75" customHeight="1">
      <c r="A7" s="13" t="s">
        <v>774</v>
      </c>
      <c r="B7" s="55" t="s">
        <v>172</v>
      </c>
      <c r="C7" s="56" t="s">
        <v>1754</v>
      </c>
      <c r="D7" s="13" t="s">
        <v>1755</v>
      </c>
      <c r="E7" s="55" t="s">
        <v>1756</v>
      </c>
      <c r="F7" s="3" t="s">
        <v>2228</v>
      </c>
      <c r="G7" s="56" t="s">
        <v>1757</v>
      </c>
      <c r="H7" s="57" t="s">
        <v>69</v>
      </c>
      <c r="I7" s="55" t="s">
        <v>458</v>
      </c>
      <c r="J7" s="56" t="s">
        <v>511</v>
      </c>
      <c r="K7" s="55" t="s">
        <v>183</v>
      </c>
      <c r="L7" s="57" t="s">
        <v>193</v>
      </c>
      <c r="N7" s="61" t="s">
        <v>12</v>
      </c>
      <c r="O7" s="60" t="s">
        <v>13</v>
      </c>
      <c r="P7" s="62" t="s">
        <v>282</v>
      </c>
    </row>
    <row r="8" spans="1:16" ht="162" customHeight="1">
      <c r="A8" s="13" t="s">
        <v>774</v>
      </c>
      <c r="B8" s="55" t="s">
        <v>172</v>
      </c>
      <c r="C8" s="56">
        <v>38.213000000000001</v>
      </c>
      <c r="D8" s="13" t="s">
        <v>274</v>
      </c>
      <c r="E8" s="55" t="s">
        <v>1758</v>
      </c>
      <c r="F8" s="63" t="s">
        <v>2229</v>
      </c>
      <c r="G8" s="56" t="s">
        <v>1759</v>
      </c>
      <c r="H8" s="57" t="s">
        <v>69</v>
      </c>
      <c r="I8" s="55" t="s">
        <v>459</v>
      </c>
      <c r="J8" s="58" t="s">
        <v>184</v>
      </c>
      <c r="K8" s="55" t="s">
        <v>1760</v>
      </c>
      <c r="L8" s="57" t="s">
        <v>193</v>
      </c>
      <c r="N8" s="55" t="s">
        <v>12</v>
      </c>
      <c r="O8" s="58" t="s">
        <v>13</v>
      </c>
      <c r="P8" s="62" t="s">
        <v>2230</v>
      </c>
    </row>
    <row r="9" spans="1:16" ht="108.75" customHeight="1">
      <c r="A9" s="13" t="s">
        <v>774</v>
      </c>
      <c r="B9" s="55" t="s">
        <v>172</v>
      </c>
      <c r="C9" s="56">
        <v>38.212000000000003</v>
      </c>
      <c r="D9" s="13" t="s">
        <v>275</v>
      </c>
      <c r="E9" s="55" t="s">
        <v>435</v>
      </c>
      <c r="F9" s="3" t="s">
        <v>2231</v>
      </c>
      <c r="G9" s="56" t="s">
        <v>460</v>
      </c>
      <c r="H9" s="57" t="s">
        <v>69</v>
      </c>
      <c r="I9" s="55" t="s">
        <v>512</v>
      </c>
      <c r="J9" s="58" t="s">
        <v>185</v>
      </c>
      <c r="K9" s="55" t="s">
        <v>513</v>
      </c>
      <c r="L9" s="57" t="s">
        <v>193</v>
      </c>
      <c r="N9" s="61" t="s">
        <v>12</v>
      </c>
      <c r="O9" s="60" t="s">
        <v>13</v>
      </c>
      <c r="P9" s="58" t="s">
        <v>514</v>
      </c>
    </row>
    <row r="10" spans="1:16" ht="108" customHeight="1">
      <c r="A10" s="13" t="s">
        <v>774</v>
      </c>
      <c r="B10" s="55" t="s">
        <v>172</v>
      </c>
      <c r="C10" s="56">
        <v>38.212000000000003</v>
      </c>
      <c r="D10" s="13" t="s">
        <v>275</v>
      </c>
      <c r="E10" s="55" t="s">
        <v>437</v>
      </c>
      <c r="F10" s="3" t="s">
        <v>2232</v>
      </c>
      <c r="G10" s="56" t="s">
        <v>461</v>
      </c>
      <c r="H10" s="57" t="s">
        <v>69</v>
      </c>
      <c r="I10" s="55" t="s">
        <v>461</v>
      </c>
      <c r="J10" s="58" t="s">
        <v>186</v>
      </c>
      <c r="K10" s="64" t="s">
        <v>513</v>
      </c>
      <c r="L10" s="57" t="s">
        <v>193</v>
      </c>
      <c r="N10" s="61" t="s">
        <v>12</v>
      </c>
      <c r="O10" s="60" t="s">
        <v>13</v>
      </c>
      <c r="P10" s="58" t="s">
        <v>514</v>
      </c>
    </row>
    <row r="11" spans="1:16" ht="55.5" customHeight="1">
      <c r="A11" s="13" t="s">
        <v>774</v>
      </c>
      <c r="B11" s="55" t="s">
        <v>172</v>
      </c>
      <c r="C11" s="56" t="s">
        <v>176</v>
      </c>
      <c r="D11" s="13" t="s">
        <v>276</v>
      </c>
      <c r="E11" s="55" t="s">
        <v>435</v>
      </c>
      <c r="F11" s="3" t="s">
        <v>2233</v>
      </c>
      <c r="G11" s="56" t="s">
        <v>1761</v>
      </c>
      <c r="H11" s="57" t="s">
        <v>69</v>
      </c>
      <c r="I11" s="55" t="s">
        <v>462</v>
      </c>
      <c r="J11" s="58" t="s">
        <v>515</v>
      </c>
      <c r="K11" s="55" t="s">
        <v>516</v>
      </c>
      <c r="L11" s="57">
        <v>1</v>
      </c>
      <c r="N11" s="61" t="s">
        <v>12</v>
      </c>
      <c r="O11" s="61" t="s">
        <v>13</v>
      </c>
      <c r="P11" s="56" t="s">
        <v>1762</v>
      </c>
    </row>
    <row r="12" spans="1:16" ht="45.75" customHeight="1">
      <c r="A12" s="13" t="s">
        <v>774</v>
      </c>
      <c r="B12" s="55" t="s">
        <v>172</v>
      </c>
      <c r="C12" s="56" t="s">
        <v>176</v>
      </c>
      <c r="D12" s="13" t="s">
        <v>277</v>
      </c>
      <c r="E12" s="55" t="s">
        <v>437</v>
      </c>
      <c r="F12" s="3" t="s">
        <v>2234</v>
      </c>
      <c r="G12" s="56" t="s">
        <v>463</v>
      </c>
      <c r="H12" s="57" t="s">
        <v>69</v>
      </c>
      <c r="I12" s="55" t="s">
        <v>463</v>
      </c>
      <c r="J12" s="58" t="s">
        <v>517</v>
      </c>
      <c r="K12" s="55" t="s">
        <v>518</v>
      </c>
      <c r="L12" s="57">
        <v>1</v>
      </c>
      <c r="N12" s="61" t="s">
        <v>12</v>
      </c>
      <c r="O12" s="61" t="s">
        <v>13</v>
      </c>
      <c r="P12" s="56" t="s">
        <v>1763</v>
      </c>
    </row>
    <row r="13" spans="1:16" ht="141" customHeight="1">
      <c r="A13" s="13" t="s">
        <v>774</v>
      </c>
      <c r="B13" s="55" t="s">
        <v>173</v>
      </c>
      <c r="C13" s="56">
        <v>38.213000000000001</v>
      </c>
      <c r="D13" s="13" t="s">
        <v>419</v>
      </c>
      <c r="E13" s="55" t="s">
        <v>1764</v>
      </c>
      <c r="F13" s="3" t="s">
        <v>2235</v>
      </c>
      <c r="G13" s="56" t="s">
        <v>464</v>
      </c>
      <c r="H13" s="57" t="s">
        <v>69</v>
      </c>
      <c r="I13" s="55" t="s">
        <v>464</v>
      </c>
      <c r="J13" s="58" t="s">
        <v>519</v>
      </c>
      <c r="K13" s="55" t="s">
        <v>2236</v>
      </c>
      <c r="L13" s="57" t="s">
        <v>193</v>
      </c>
      <c r="N13" s="61" t="s">
        <v>12</v>
      </c>
      <c r="O13" s="61" t="s">
        <v>13</v>
      </c>
      <c r="P13" s="56" t="s">
        <v>2237</v>
      </c>
    </row>
    <row r="14" spans="1:16" ht="409.5" customHeight="1">
      <c r="A14" s="13" t="s">
        <v>774</v>
      </c>
      <c r="B14" s="55" t="s">
        <v>173</v>
      </c>
      <c r="C14" s="56" t="s">
        <v>177</v>
      </c>
      <c r="D14" s="13" t="s">
        <v>419</v>
      </c>
      <c r="E14" s="55" t="s">
        <v>438</v>
      </c>
      <c r="F14" s="3" t="s">
        <v>2238</v>
      </c>
      <c r="G14" s="56" t="s">
        <v>1685</v>
      </c>
      <c r="H14" s="57" t="s">
        <v>69</v>
      </c>
      <c r="I14" s="55" t="s">
        <v>465</v>
      </c>
      <c r="J14" s="58" t="s">
        <v>520</v>
      </c>
      <c r="K14" s="55" t="s">
        <v>521</v>
      </c>
      <c r="L14" s="57" t="s">
        <v>193</v>
      </c>
      <c r="N14" s="61" t="s">
        <v>12</v>
      </c>
      <c r="O14" s="61" t="s">
        <v>13</v>
      </c>
      <c r="P14" s="56" t="s">
        <v>2239</v>
      </c>
    </row>
    <row r="15" spans="1:16" ht="199.5" customHeight="1">
      <c r="A15" s="13" t="s">
        <v>774</v>
      </c>
      <c r="B15" s="55" t="s">
        <v>174</v>
      </c>
      <c r="C15" s="56" t="s">
        <v>178</v>
      </c>
      <c r="D15" s="13" t="s">
        <v>269</v>
      </c>
      <c r="E15" s="55" t="s">
        <v>436</v>
      </c>
      <c r="F15" s="13" t="s">
        <v>2240</v>
      </c>
      <c r="G15" s="64" t="s">
        <v>522</v>
      </c>
      <c r="H15" s="55" t="s">
        <v>69</v>
      </c>
      <c r="I15" s="64" t="s">
        <v>522</v>
      </c>
      <c r="J15" s="56" t="s">
        <v>1765</v>
      </c>
      <c r="K15" s="55" t="s">
        <v>1766</v>
      </c>
      <c r="L15" s="55" t="s">
        <v>193</v>
      </c>
      <c r="N15" s="55" t="s">
        <v>12</v>
      </c>
      <c r="O15" s="55" t="s">
        <v>13</v>
      </c>
      <c r="P15" s="56" t="s">
        <v>1767</v>
      </c>
    </row>
    <row r="16" spans="1:16" ht="207.75" customHeight="1">
      <c r="A16" s="13" t="s">
        <v>774</v>
      </c>
      <c r="B16" s="55" t="s">
        <v>175</v>
      </c>
      <c r="C16" s="56">
        <v>38.213999999999999</v>
      </c>
      <c r="D16" s="13" t="s">
        <v>278</v>
      </c>
      <c r="E16" s="55" t="s">
        <v>439</v>
      </c>
      <c r="G16" s="56" t="s">
        <v>1414</v>
      </c>
      <c r="H16" s="57" t="s">
        <v>69</v>
      </c>
      <c r="I16" s="55" t="s">
        <v>1768</v>
      </c>
      <c r="J16" s="56" t="s">
        <v>187</v>
      </c>
      <c r="K16" s="55" t="s">
        <v>192</v>
      </c>
      <c r="L16" s="57" t="s">
        <v>193</v>
      </c>
      <c r="N16" s="58" t="s">
        <v>12</v>
      </c>
      <c r="O16" s="55" t="s">
        <v>13</v>
      </c>
      <c r="P16" s="56" t="s">
        <v>523</v>
      </c>
    </row>
    <row r="17" spans="1:16" ht="135.75" customHeight="1">
      <c r="A17" s="13" t="s">
        <v>774</v>
      </c>
      <c r="B17" s="55" t="s">
        <v>175</v>
      </c>
      <c r="C17" s="56">
        <v>38.213999999999999</v>
      </c>
      <c r="D17" s="13" t="s">
        <v>278</v>
      </c>
      <c r="E17" s="55" t="s">
        <v>1769</v>
      </c>
      <c r="G17" s="56" t="s">
        <v>1770</v>
      </c>
      <c r="H17" s="57" t="s">
        <v>69</v>
      </c>
      <c r="I17" s="55" t="s">
        <v>1770</v>
      </c>
      <c r="J17" s="56" t="s">
        <v>188</v>
      </c>
      <c r="K17" s="55" t="s">
        <v>1771</v>
      </c>
      <c r="L17" s="57" t="s">
        <v>193</v>
      </c>
      <c r="N17" s="58" t="s">
        <v>12</v>
      </c>
      <c r="O17" s="55" t="s">
        <v>13</v>
      </c>
      <c r="P17" s="56" t="s">
        <v>1772</v>
      </c>
    </row>
    <row r="18" spans="1:16" ht="196.5" customHeight="1">
      <c r="A18" s="13" t="s">
        <v>774</v>
      </c>
      <c r="B18" s="55" t="s">
        <v>175</v>
      </c>
      <c r="C18" s="56" t="s">
        <v>179</v>
      </c>
      <c r="D18" s="13" t="s">
        <v>279</v>
      </c>
      <c r="E18" s="84" t="s">
        <v>2460</v>
      </c>
      <c r="F18" s="86" t="s">
        <v>2461</v>
      </c>
      <c r="G18" s="56" t="s">
        <v>1773</v>
      </c>
      <c r="H18" s="57" t="s">
        <v>69</v>
      </c>
      <c r="I18" s="55" t="s">
        <v>1773</v>
      </c>
      <c r="J18" s="56" t="s">
        <v>189</v>
      </c>
      <c r="K18" s="55" t="s">
        <v>524</v>
      </c>
      <c r="L18" s="57" t="s">
        <v>193</v>
      </c>
      <c r="N18" s="58" t="s">
        <v>12</v>
      </c>
      <c r="O18" s="55" t="s">
        <v>13</v>
      </c>
      <c r="P18" s="56" t="s">
        <v>1774</v>
      </c>
    </row>
    <row r="19" spans="1:16" ht="151.5" customHeight="1">
      <c r="A19" s="13" t="s">
        <v>774</v>
      </c>
      <c r="B19" s="55" t="s">
        <v>175</v>
      </c>
      <c r="C19" s="56">
        <v>38.213999999999999</v>
      </c>
      <c r="D19" s="13" t="s">
        <v>278</v>
      </c>
      <c r="E19" s="84" t="s">
        <v>2462</v>
      </c>
      <c r="F19" s="85" t="s">
        <v>2463</v>
      </c>
      <c r="G19" s="56" t="s">
        <v>1775</v>
      </c>
      <c r="H19" s="57" t="s">
        <v>69</v>
      </c>
      <c r="I19" s="55" t="s">
        <v>1775</v>
      </c>
      <c r="J19" s="56" t="s">
        <v>190</v>
      </c>
      <c r="K19" s="55" t="s">
        <v>525</v>
      </c>
      <c r="L19" s="57" t="s">
        <v>193</v>
      </c>
      <c r="N19" s="58" t="s">
        <v>12</v>
      </c>
      <c r="O19" s="55" t="s">
        <v>13</v>
      </c>
      <c r="P19" s="56" t="s">
        <v>1776</v>
      </c>
    </row>
    <row r="20" spans="1:16" ht="78.75" customHeight="1">
      <c r="A20" s="13" t="s">
        <v>774</v>
      </c>
      <c r="B20" s="55" t="s">
        <v>172</v>
      </c>
      <c r="C20" s="56" t="s">
        <v>179</v>
      </c>
      <c r="D20" s="13" t="s">
        <v>420</v>
      </c>
      <c r="E20" s="55" t="s">
        <v>435</v>
      </c>
      <c r="F20" s="3" t="s">
        <v>2241</v>
      </c>
      <c r="G20" s="56" t="s">
        <v>466</v>
      </c>
      <c r="H20" s="57" t="s">
        <v>69</v>
      </c>
      <c r="I20" s="55" t="s">
        <v>466</v>
      </c>
      <c r="J20" s="56" t="s">
        <v>526</v>
      </c>
      <c r="K20" s="55" t="s">
        <v>527</v>
      </c>
      <c r="L20" s="57" t="s">
        <v>193</v>
      </c>
      <c r="N20" s="58" t="s">
        <v>12</v>
      </c>
      <c r="O20" s="55" t="s">
        <v>13</v>
      </c>
      <c r="P20" s="56" t="s">
        <v>528</v>
      </c>
    </row>
    <row r="21" spans="1:16" ht="67.5">
      <c r="A21" s="13" t="s">
        <v>774</v>
      </c>
      <c r="B21" s="55" t="s">
        <v>172</v>
      </c>
      <c r="C21" s="56" t="s">
        <v>179</v>
      </c>
      <c r="D21" s="13" t="s">
        <v>273</v>
      </c>
      <c r="E21" s="55" t="s">
        <v>435</v>
      </c>
      <c r="F21" s="3" t="s">
        <v>2242</v>
      </c>
      <c r="G21" s="56" t="s">
        <v>467</v>
      </c>
      <c r="H21" s="57" t="s">
        <v>69</v>
      </c>
      <c r="I21" s="55" t="s">
        <v>467</v>
      </c>
      <c r="J21" s="56" t="s">
        <v>529</v>
      </c>
      <c r="K21" s="64" t="s">
        <v>530</v>
      </c>
      <c r="L21" s="57" t="s">
        <v>193</v>
      </c>
      <c r="N21" s="58" t="s">
        <v>12</v>
      </c>
      <c r="O21" s="55" t="s">
        <v>13</v>
      </c>
      <c r="P21" s="56" t="s">
        <v>531</v>
      </c>
    </row>
    <row r="22" spans="1:16" ht="146.25">
      <c r="A22" s="13" t="s">
        <v>774</v>
      </c>
      <c r="B22" s="55" t="s">
        <v>172</v>
      </c>
      <c r="C22" s="56" t="s">
        <v>178</v>
      </c>
      <c r="D22" s="13" t="s">
        <v>269</v>
      </c>
      <c r="E22" s="55" t="s">
        <v>2222</v>
      </c>
      <c r="F22" s="3" t="s">
        <v>2243</v>
      </c>
      <c r="G22" s="56" t="s">
        <v>468</v>
      </c>
      <c r="H22" s="57" t="s">
        <v>69</v>
      </c>
      <c r="I22" s="55" t="s">
        <v>468</v>
      </c>
      <c r="J22" s="58" t="s">
        <v>532</v>
      </c>
      <c r="K22" s="55" t="s">
        <v>502</v>
      </c>
      <c r="L22" s="59" t="s">
        <v>193</v>
      </c>
      <c r="N22" s="60" t="s">
        <v>12</v>
      </c>
      <c r="O22" s="61" t="s">
        <v>13</v>
      </c>
      <c r="P22" s="62" t="s">
        <v>503</v>
      </c>
    </row>
    <row r="23" spans="1:16" ht="116.25" customHeight="1">
      <c r="A23" s="13" t="s">
        <v>774</v>
      </c>
      <c r="B23" s="55" t="s">
        <v>172</v>
      </c>
      <c r="C23" s="56">
        <v>38.212000000000003</v>
      </c>
      <c r="D23" s="13" t="s">
        <v>421</v>
      </c>
      <c r="E23" s="55" t="s">
        <v>435</v>
      </c>
      <c r="F23" s="3" t="s">
        <v>2244</v>
      </c>
      <c r="G23" s="56" t="s">
        <v>469</v>
      </c>
      <c r="H23" s="57" t="s">
        <v>69</v>
      </c>
      <c r="I23" s="55" t="s">
        <v>469</v>
      </c>
      <c r="J23" s="56" t="s">
        <v>533</v>
      </c>
      <c r="K23" s="55" t="s">
        <v>534</v>
      </c>
      <c r="L23" s="57" t="s">
        <v>193</v>
      </c>
      <c r="N23" s="58" t="s">
        <v>12</v>
      </c>
      <c r="O23" s="55" t="s">
        <v>13</v>
      </c>
      <c r="P23" s="62" t="s">
        <v>535</v>
      </c>
    </row>
    <row r="24" spans="1:16" ht="112.5">
      <c r="A24" s="13" t="s">
        <v>774</v>
      </c>
      <c r="B24" s="55" t="s">
        <v>172</v>
      </c>
      <c r="C24" s="56">
        <v>38.212000000000003</v>
      </c>
      <c r="D24" s="13" t="s">
        <v>421</v>
      </c>
      <c r="E24" s="55" t="s">
        <v>435</v>
      </c>
      <c r="F24" s="3" t="s">
        <v>2245</v>
      </c>
      <c r="G24" s="56" t="s">
        <v>470</v>
      </c>
      <c r="H24" s="57" t="s">
        <v>69</v>
      </c>
      <c r="I24" s="55" t="s">
        <v>470</v>
      </c>
      <c r="J24" s="56" t="s">
        <v>536</v>
      </c>
      <c r="K24" s="55" t="s">
        <v>537</v>
      </c>
      <c r="L24" s="59" t="s">
        <v>193</v>
      </c>
      <c r="N24" s="60" t="s">
        <v>12</v>
      </c>
      <c r="O24" s="61" t="s">
        <v>13</v>
      </c>
      <c r="P24" s="62" t="s">
        <v>535</v>
      </c>
    </row>
    <row r="25" spans="1:16" ht="248.25" customHeight="1">
      <c r="A25" s="13" t="s">
        <v>774</v>
      </c>
      <c r="B25" s="55" t="s">
        <v>172</v>
      </c>
      <c r="C25" s="56">
        <v>38.212000000000003</v>
      </c>
      <c r="D25" s="13" t="s">
        <v>422</v>
      </c>
      <c r="E25" s="55" t="s">
        <v>440</v>
      </c>
      <c r="F25" s="3" t="s">
        <v>2246</v>
      </c>
      <c r="G25" s="56" t="s">
        <v>471</v>
      </c>
      <c r="H25" s="57" t="s">
        <v>69</v>
      </c>
      <c r="I25" s="55" t="s">
        <v>1777</v>
      </c>
      <c r="J25" s="56" t="s">
        <v>1778</v>
      </c>
      <c r="K25" s="55" t="s">
        <v>1779</v>
      </c>
      <c r="L25" s="59" t="s">
        <v>193</v>
      </c>
      <c r="N25" s="60" t="s">
        <v>12</v>
      </c>
      <c r="O25" s="61" t="s">
        <v>13</v>
      </c>
      <c r="P25" s="62" t="s">
        <v>1780</v>
      </c>
    </row>
    <row r="26" spans="1:16" ht="258" customHeight="1">
      <c r="A26" s="13" t="s">
        <v>774</v>
      </c>
      <c r="B26" s="55" t="s">
        <v>172</v>
      </c>
      <c r="C26" s="56">
        <v>38.212000000000003</v>
      </c>
      <c r="D26" s="13" t="s">
        <v>275</v>
      </c>
      <c r="E26" s="55" t="s">
        <v>441</v>
      </c>
      <c r="F26" s="3" t="s">
        <v>2247</v>
      </c>
      <c r="G26" s="56" t="s">
        <v>1781</v>
      </c>
      <c r="H26" s="57" t="s">
        <v>69</v>
      </c>
      <c r="I26" s="55" t="s">
        <v>1781</v>
      </c>
      <c r="J26" s="56" t="s">
        <v>1782</v>
      </c>
      <c r="K26" s="55" t="s">
        <v>1783</v>
      </c>
      <c r="L26" s="59" t="s">
        <v>193</v>
      </c>
      <c r="N26" s="60" t="s">
        <v>12</v>
      </c>
      <c r="O26" s="61" t="s">
        <v>13</v>
      </c>
      <c r="P26" s="62" t="s">
        <v>1784</v>
      </c>
    </row>
    <row r="27" spans="1:16" ht="118.5" customHeight="1">
      <c r="A27" s="13" t="s">
        <v>774</v>
      </c>
      <c r="B27" s="55" t="s">
        <v>172</v>
      </c>
      <c r="C27" s="56">
        <v>38.212000000000003</v>
      </c>
      <c r="D27" s="13" t="s">
        <v>275</v>
      </c>
      <c r="E27" s="55" t="s">
        <v>1756</v>
      </c>
      <c r="F27" s="3" t="s">
        <v>2248</v>
      </c>
      <c r="G27" s="56" t="s">
        <v>472</v>
      </c>
      <c r="H27" s="57" t="s">
        <v>69</v>
      </c>
      <c r="I27" s="55" t="s">
        <v>472</v>
      </c>
      <c r="J27" s="57" t="s">
        <v>538</v>
      </c>
      <c r="K27" s="55" t="s">
        <v>299</v>
      </c>
      <c r="L27" s="59" t="s">
        <v>193</v>
      </c>
      <c r="N27" s="60" t="s">
        <v>12</v>
      </c>
      <c r="O27" s="61" t="s">
        <v>13</v>
      </c>
      <c r="P27" s="62" t="s">
        <v>535</v>
      </c>
    </row>
    <row r="28" spans="1:16" ht="180">
      <c r="A28" s="13" t="s">
        <v>774</v>
      </c>
      <c r="B28" s="55" t="s">
        <v>172</v>
      </c>
      <c r="C28" s="56">
        <v>38.212000000000003</v>
      </c>
      <c r="D28" s="13" t="s">
        <v>275</v>
      </c>
      <c r="E28" s="55" t="s">
        <v>437</v>
      </c>
      <c r="F28" s="3" t="s">
        <v>2249</v>
      </c>
      <c r="G28" s="56" t="s">
        <v>473</v>
      </c>
      <c r="H28" s="57" t="s">
        <v>69</v>
      </c>
      <c r="I28" s="55" t="s">
        <v>473</v>
      </c>
      <c r="J28" s="57" t="s">
        <v>539</v>
      </c>
      <c r="K28" s="55" t="s">
        <v>299</v>
      </c>
      <c r="L28" s="59" t="s">
        <v>193</v>
      </c>
      <c r="N28" s="60" t="s">
        <v>12</v>
      </c>
      <c r="O28" s="61" t="s">
        <v>13</v>
      </c>
      <c r="P28" s="62" t="s">
        <v>540</v>
      </c>
    </row>
    <row r="29" spans="1:16" ht="67.5">
      <c r="A29" s="13" t="s">
        <v>774</v>
      </c>
      <c r="B29" s="55" t="s">
        <v>172</v>
      </c>
      <c r="C29" s="56" t="s">
        <v>179</v>
      </c>
      <c r="D29" s="13" t="s">
        <v>423</v>
      </c>
      <c r="E29" s="55" t="s">
        <v>442</v>
      </c>
      <c r="F29" s="3" t="s">
        <v>2250</v>
      </c>
      <c r="G29" s="56" t="s">
        <v>474</v>
      </c>
      <c r="H29" s="57" t="s">
        <v>69</v>
      </c>
      <c r="I29" s="55" t="s">
        <v>474</v>
      </c>
      <c r="J29" s="56" t="s">
        <v>541</v>
      </c>
      <c r="K29" s="55" t="s">
        <v>1785</v>
      </c>
      <c r="L29" s="59" t="s">
        <v>193</v>
      </c>
      <c r="N29" s="60" t="s">
        <v>12</v>
      </c>
      <c r="O29" s="61" t="s">
        <v>13</v>
      </c>
      <c r="P29" s="62" t="s">
        <v>542</v>
      </c>
    </row>
    <row r="30" spans="1:16" ht="67.5">
      <c r="A30" s="42" t="s">
        <v>774</v>
      </c>
      <c r="B30" s="65" t="s">
        <v>172</v>
      </c>
      <c r="C30" s="66" t="s">
        <v>179</v>
      </c>
      <c r="D30" s="42" t="s">
        <v>423</v>
      </c>
      <c r="E30" s="65" t="s">
        <v>442</v>
      </c>
      <c r="F30" s="42"/>
      <c r="G30" s="66" t="s">
        <v>475</v>
      </c>
      <c r="H30" s="67" t="s">
        <v>69</v>
      </c>
      <c r="I30" s="65" t="s">
        <v>475</v>
      </c>
      <c r="J30" s="66" t="s">
        <v>543</v>
      </c>
      <c r="K30" s="65" t="s">
        <v>544</v>
      </c>
      <c r="L30" s="68" t="s">
        <v>193</v>
      </c>
      <c r="M30" s="42"/>
      <c r="N30" s="69" t="s">
        <v>12</v>
      </c>
      <c r="O30" s="70" t="s">
        <v>13</v>
      </c>
      <c r="P30" s="71" t="s">
        <v>542</v>
      </c>
    </row>
    <row r="31" spans="1:16" ht="67.5">
      <c r="A31" s="13" t="s">
        <v>774</v>
      </c>
      <c r="B31" s="55" t="s">
        <v>172</v>
      </c>
      <c r="C31" s="56" t="s">
        <v>178</v>
      </c>
      <c r="D31" s="13" t="s">
        <v>424</v>
      </c>
      <c r="E31" s="55" t="s">
        <v>443</v>
      </c>
      <c r="F31" s="3" t="s">
        <v>2251</v>
      </c>
      <c r="G31" s="56" t="s">
        <v>476</v>
      </c>
      <c r="H31" s="57" t="s">
        <v>69</v>
      </c>
      <c r="I31" s="55" t="s">
        <v>476</v>
      </c>
      <c r="J31" s="56" t="s">
        <v>545</v>
      </c>
      <c r="K31" s="55" t="s">
        <v>502</v>
      </c>
      <c r="L31" s="59" t="s">
        <v>193</v>
      </c>
      <c r="N31" s="60" t="s">
        <v>12</v>
      </c>
      <c r="O31" s="61" t="s">
        <v>13</v>
      </c>
      <c r="P31" s="62" t="s">
        <v>546</v>
      </c>
    </row>
    <row r="32" spans="1:16" ht="78.75">
      <c r="A32" s="13" t="s">
        <v>774</v>
      </c>
      <c r="B32" s="55" t="s">
        <v>172</v>
      </c>
      <c r="C32" s="56" t="s">
        <v>178</v>
      </c>
      <c r="D32" s="13" t="s">
        <v>424</v>
      </c>
      <c r="E32" s="55" t="s">
        <v>443</v>
      </c>
      <c r="F32" s="3" t="s">
        <v>2252</v>
      </c>
      <c r="G32" s="56" t="s">
        <v>1786</v>
      </c>
      <c r="H32" s="57" t="s">
        <v>69</v>
      </c>
      <c r="I32" s="55" t="s">
        <v>1786</v>
      </c>
      <c r="J32" s="56" t="s">
        <v>1787</v>
      </c>
      <c r="K32" s="55" t="s">
        <v>1788</v>
      </c>
      <c r="L32" s="59" t="s">
        <v>193</v>
      </c>
      <c r="N32" s="60" t="s">
        <v>12</v>
      </c>
      <c r="O32" s="61" t="s">
        <v>13</v>
      </c>
      <c r="P32" s="62" t="s">
        <v>2253</v>
      </c>
    </row>
    <row r="33" spans="1:16" ht="56.25">
      <c r="A33" s="13" t="s">
        <v>774</v>
      </c>
      <c r="B33" s="55" t="s">
        <v>172</v>
      </c>
      <c r="C33" s="56" t="s">
        <v>178</v>
      </c>
      <c r="D33" s="13" t="s">
        <v>425</v>
      </c>
      <c r="E33" s="55" t="s">
        <v>444</v>
      </c>
      <c r="F33" s="3" t="s">
        <v>2254</v>
      </c>
      <c r="G33" s="56" t="s">
        <v>1789</v>
      </c>
      <c r="H33" s="57" t="s">
        <v>69</v>
      </c>
      <c r="I33" s="55" t="s">
        <v>477</v>
      </c>
      <c r="J33" s="56" t="s">
        <v>2255</v>
      </c>
      <c r="K33" s="55" t="s">
        <v>1790</v>
      </c>
      <c r="L33" s="59" t="s">
        <v>193</v>
      </c>
      <c r="N33" s="60" t="s">
        <v>12</v>
      </c>
      <c r="O33" s="61" t="s">
        <v>13</v>
      </c>
      <c r="P33" s="62" t="s">
        <v>547</v>
      </c>
    </row>
    <row r="34" spans="1:16" ht="90" customHeight="1">
      <c r="A34" s="13" t="s">
        <v>774</v>
      </c>
      <c r="B34" s="55" t="s">
        <v>172</v>
      </c>
      <c r="C34" s="56" t="s">
        <v>178</v>
      </c>
      <c r="D34" s="13" t="s">
        <v>426</v>
      </c>
      <c r="E34" s="55" t="s">
        <v>445</v>
      </c>
      <c r="F34" s="3" t="s">
        <v>2256</v>
      </c>
      <c r="G34" s="56" t="s">
        <v>478</v>
      </c>
      <c r="H34" s="57" t="s">
        <v>69</v>
      </c>
      <c r="I34" s="55" t="s">
        <v>478</v>
      </c>
      <c r="J34" s="56" t="s">
        <v>1415</v>
      </c>
      <c r="K34" s="55" t="s">
        <v>1791</v>
      </c>
      <c r="L34" s="59" t="s">
        <v>193</v>
      </c>
      <c r="N34" s="60" t="s">
        <v>12</v>
      </c>
      <c r="O34" s="61" t="s">
        <v>13</v>
      </c>
      <c r="P34" s="62" t="s">
        <v>548</v>
      </c>
    </row>
    <row r="35" spans="1:16" ht="60" customHeight="1">
      <c r="A35" s="13" t="s">
        <v>774</v>
      </c>
      <c r="B35" s="55" t="s">
        <v>172</v>
      </c>
      <c r="C35" s="56" t="s">
        <v>178</v>
      </c>
      <c r="D35" s="13" t="s">
        <v>426</v>
      </c>
      <c r="E35" s="55" t="s">
        <v>445</v>
      </c>
      <c r="F35" s="3" t="s">
        <v>2257</v>
      </c>
      <c r="G35" s="56" t="s">
        <v>479</v>
      </c>
      <c r="H35" s="57" t="s">
        <v>69</v>
      </c>
      <c r="I35" s="55" t="s">
        <v>479</v>
      </c>
      <c r="J35" s="56" t="s">
        <v>549</v>
      </c>
      <c r="K35" s="55" t="s">
        <v>550</v>
      </c>
      <c r="L35" s="59" t="s">
        <v>193</v>
      </c>
      <c r="N35" s="60" t="s">
        <v>12</v>
      </c>
      <c r="O35" s="61" t="s">
        <v>13</v>
      </c>
      <c r="P35" s="62" t="s">
        <v>551</v>
      </c>
    </row>
    <row r="36" spans="1:16" ht="92.25" customHeight="1">
      <c r="A36" s="13" t="s">
        <v>774</v>
      </c>
      <c r="B36" s="55" t="s">
        <v>172</v>
      </c>
      <c r="C36" s="56" t="s">
        <v>179</v>
      </c>
      <c r="D36" s="13" t="s">
        <v>427</v>
      </c>
      <c r="E36" s="55" t="s">
        <v>437</v>
      </c>
      <c r="F36" s="3" t="s">
        <v>2258</v>
      </c>
      <c r="G36" s="56" t="s">
        <v>1792</v>
      </c>
      <c r="H36" s="57" t="s">
        <v>69</v>
      </c>
      <c r="I36" s="55" t="s">
        <v>480</v>
      </c>
      <c r="J36" s="56" t="s">
        <v>1793</v>
      </c>
      <c r="K36" s="55" t="s">
        <v>2259</v>
      </c>
      <c r="L36" s="59" t="s">
        <v>1794</v>
      </c>
      <c r="N36" s="60" t="s">
        <v>12</v>
      </c>
      <c r="O36" s="61" t="s">
        <v>13</v>
      </c>
      <c r="P36" s="62" t="s">
        <v>1686</v>
      </c>
    </row>
    <row r="37" spans="1:16" ht="114" customHeight="1">
      <c r="A37" s="13" t="s">
        <v>774</v>
      </c>
      <c r="B37" s="55" t="s">
        <v>417</v>
      </c>
      <c r="C37" s="56">
        <v>38.213999999999999</v>
      </c>
      <c r="D37" s="13" t="s">
        <v>428</v>
      </c>
      <c r="E37" s="55" t="s">
        <v>437</v>
      </c>
      <c r="F37" s="13" t="s">
        <v>2260</v>
      </c>
      <c r="G37" s="56" t="s">
        <v>1795</v>
      </c>
      <c r="H37" s="57" t="s">
        <v>69</v>
      </c>
      <c r="I37" s="55" t="s">
        <v>481</v>
      </c>
      <c r="J37" s="56" t="s">
        <v>552</v>
      </c>
      <c r="K37" s="55" t="s">
        <v>1796</v>
      </c>
      <c r="L37" s="59" t="s">
        <v>193</v>
      </c>
      <c r="N37" s="60" t="s">
        <v>12</v>
      </c>
      <c r="O37" s="61" t="s">
        <v>13</v>
      </c>
      <c r="P37" s="62" t="s">
        <v>553</v>
      </c>
    </row>
    <row r="38" spans="1:16" ht="135">
      <c r="A38" s="13" t="s">
        <v>774</v>
      </c>
      <c r="B38" s="55" t="s">
        <v>418</v>
      </c>
      <c r="C38" s="56">
        <v>38.213000000000001</v>
      </c>
      <c r="D38" s="13" t="s">
        <v>419</v>
      </c>
      <c r="E38" s="55"/>
      <c r="G38" s="34" t="s">
        <v>1797</v>
      </c>
      <c r="H38" s="57" t="s">
        <v>69</v>
      </c>
      <c r="I38" s="34" t="s">
        <v>1416</v>
      </c>
      <c r="J38" s="56" t="s">
        <v>1798</v>
      </c>
      <c r="K38" s="55" t="s">
        <v>1799</v>
      </c>
      <c r="L38" s="59" t="s">
        <v>193</v>
      </c>
      <c r="N38" s="60" t="s">
        <v>12</v>
      </c>
      <c r="O38" s="61" t="s">
        <v>13</v>
      </c>
      <c r="P38" s="62" t="s">
        <v>1800</v>
      </c>
    </row>
    <row r="39" spans="1:16" ht="78.75">
      <c r="A39" s="13" t="s">
        <v>774</v>
      </c>
      <c r="B39" s="55" t="s">
        <v>418</v>
      </c>
      <c r="C39" s="56" t="s">
        <v>178</v>
      </c>
      <c r="D39" s="13" t="s">
        <v>429</v>
      </c>
      <c r="E39" s="55" t="s">
        <v>445</v>
      </c>
      <c r="F39" s="13" t="s">
        <v>2261</v>
      </c>
      <c r="G39" s="56" t="s">
        <v>482</v>
      </c>
      <c r="H39" s="57" t="s">
        <v>69</v>
      </c>
      <c r="I39" s="55" t="s">
        <v>482</v>
      </c>
      <c r="J39" s="58" t="s">
        <v>554</v>
      </c>
      <c r="K39" s="55" t="s">
        <v>555</v>
      </c>
      <c r="L39" s="59" t="s">
        <v>193</v>
      </c>
      <c r="N39" s="60" t="s">
        <v>12</v>
      </c>
      <c r="O39" s="61" t="s">
        <v>13</v>
      </c>
      <c r="P39" s="62" t="s">
        <v>556</v>
      </c>
    </row>
    <row r="40" spans="1:16" ht="112.5">
      <c r="A40" s="13" t="s">
        <v>774</v>
      </c>
      <c r="B40" s="55" t="s">
        <v>418</v>
      </c>
      <c r="C40" s="56" t="s">
        <v>178</v>
      </c>
      <c r="D40" s="13" t="s">
        <v>425</v>
      </c>
      <c r="E40" s="55" t="s">
        <v>437</v>
      </c>
      <c r="F40" s="3" t="s">
        <v>2262</v>
      </c>
      <c r="G40" s="56" t="s">
        <v>1801</v>
      </c>
      <c r="H40" s="57" t="s">
        <v>69</v>
      </c>
      <c r="I40" s="55" t="s">
        <v>483</v>
      </c>
      <c r="J40" s="58" t="s">
        <v>557</v>
      </c>
      <c r="K40" s="55" t="s">
        <v>558</v>
      </c>
      <c r="L40" s="59" t="s">
        <v>193</v>
      </c>
      <c r="N40" s="60" t="s">
        <v>12</v>
      </c>
      <c r="O40" s="61" t="s">
        <v>13</v>
      </c>
      <c r="P40" s="62" t="s">
        <v>559</v>
      </c>
    </row>
    <row r="41" spans="1:16" ht="112.5">
      <c r="A41" s="13" t="s">
        <v>774</v>
      </c>
      <c r="B41" s="55" t="s">
        <v>418</v>
      </c>
      <c r="C41" s="56">
        <v>38.213000000000001</v>
      </c>
      <c r="D41" s="13" t="s">
        <v>430</v>
      </c>
      <c r="E41" s="55" t="s">
        <v>446</v>
      </c>
      <c r="F41" s="3" t="s">
        <v>2263</v>
      </c>
      <c r="G41" s="56" t="s">
        <v>484</v>
      </c>
      <c r="H41" s="57" t="s">
        <v>69</v>
      </c>
      <c r="I41" s="55" t="s">
        <v>484</v>
      </c>
      <c r="J41" s="58" t="s">
        <v>560</v>
      </c>
      <c r="K41" s="55" t="s">
        <v>561</v>
      </c>
      <c r="L41" s="59" t="s">
        <v>193</v>
      </c>
      <c r="N41" s="60" t="s">
        <v>12</v>
      </c>
      <c r="O41" s="61" t="s">
        <v>13</v>
      </c>
      <c r="P41" s="62" t="s">
        <v>559</v>
      </c>
    </row>
    <row r="42" spans="1:16" ht="74.25" customHeight="1">
      <c r="A42" s="13" t="s">
        <v>774</v>
      </c>
      <c r="B42" s="55" t="s">
        <v>417</v>
      </c>
      <c r="C42" s="56">
        <v>38.213999999999999</v>
      </c>
      <c r="D42" s="13" t="s">
        <v>431</v>
      </c>
      <c r="E42" s="55"/>
      <c r="F42" s="3" t="s">
        <v>2264</v>
      </c>
      <c r="G42" s="56" t="s">
        <v>485</v>
      </c>
      <c r="H42" s="57" t="s">
        <v>69</v>
      </c>
      <c r="I42" s="55" t="s">
        <v>485</v>
      </c>
      <c r="J42" s="58" t="s">
        <v>562</v>
      </c>
      <c r="K42" s="55">
        <v>64</v>
      </c>
      <c r="L42" s="59" t="s">
        <v>193</v>
      </c>
      <c r="N42" s="60" t="s">
        <v>12</v>
      </c>
      <c r="O42" s="61" t="s">
        <v>13</v>
      </c>
      <c r="P42" s="62" t="s">
        <v>1802</v>
      </c>
    </row>
    <row r="43" spans="1:16" ht="157.5" customHeight="1">
      <c r="A43" s="13" t="s">
        <v>774</v>
      </c>
      <c r="B43" s="55" t="s">
        <v>417</v>
      </c>
      <c r="C43" s="56">
        <v>38.213999999999999</v>
      </c>
      <c r="D43" s="13" t="s">
        <v>431</v>
      </c>
      <c r="E43" s="55" t="s">
        <v>437</v>
      </c>
      <c r="F43" s="3" t="s">
        <v>2265</v>
      </c>
      <c r="G43" s="56" t="s">
        <v>486</v>
      </c>
      <c r="H43" s="57" t="s">
        <v>69</v>
      </c>
      <c r="I43" s="55" t="s">
        <v>486</v>
      </c>
      <c r="J43" s="58" t="s">
        <v>563</v>
      </c>
      <c r="K43" s="55" t="s">
        <v>564</v>
      </c>
      <c r="L43" s="59" t="s">
        <v>193</v>
      </c>
      <c r="N43" s="60" t="s">
        <v>12</v>
      </c>
      <c r="O43" s="61" t="s">
        <v>13</v>
      </c>
      <c r="P43" s="62" t="s">
        <v>565</v>
      </c>
    </row>
    <row r="44" spans="1:16" ht="264.60000000000002" customHeight="1">
      <c r="A44" s="13" t="s">
        <v>774</v>
      </c>
      <c r="B44" s="55" t="s">
        <v>417</v>
      </c>
      <c r="C44" s="56">
        <v>38.213999999999999</v>
      </c>
      <c r="D44" s="13" t="s">
        <v>431</v>
      </c>
      <c r="E44" s="55" t="s">
        <v>437</v>
      </c>
      <c r="F44" s="13" t="s">
        <v>2266</v>
      </c>
      <c r="G44" s="56" t="s">
        <v>1803</v>
      </c>
      <c r="H44" s="57" t="s">
        <v>69</v>
      </c>
      <c r="I44" s="55" t="s">
        <v>487</v>
      </c>
      <c r="J44" s="58" t="s">
        <v>1804</v>
      </c>
      <c r="K44" s="55" t="s">
        <v>1805</v>
      </c>
      <c r="L44" s="59" t="s">
        <v>193</v>
      </c>
      <c r="N44" s="60" t="s">
        <v>12</v>
      </c>
      <c r="O44" s="61" t="s">
        <v>13</v>
      </c>
      <c r="P44" s="62" t="s">
        <v>1806</v>
      </c>
    </row>
    <row r="45" spans="1:16" ht="146.25">
      <c r="A45" s="13" t="s">
        <v>774</v>
      </c>
      <c r="B45" s="55" t="s">
        <v>417</v>
      </c>
      <c r="C45" s="56">
        <v>38.213999999999999</v>
      </c>
      <c r="D45" s="13" t="s">
        <v>431</v>
      </c>
      <c r="E45" s="55" t="s">
        <v>437</v>
      </c>
      <c r="F45" s="3" t="s">
        <v>2267</v>
      </c>
      <c r="G45" s="56" t="s">
        <v>1807</v>
      </c>
      <c r="H45" s="57" t="s">
        <v>69</v>
      </c>
      <c r="I45" s="55" t="s">
        <v>488</v>
      </c>
      <c r="J45" s="58" t="s">
        <v>566</v>
      </c>
      <c r="K45" s="55" t="s">
        <v>1808</v>
      </c>
      <c r="L45" s="59" t="s">
        <v>193</v>
      </c>
      <c r="N45" s="60" t="s">
        <v>12</v>
      </c>
      <c r="O45" s="61" t="s">
        <v>13</v>
      </c>
      <c r="P45" s="62" t="s">
        <v>1809</v>
      </c>
    </row>
    <row r="46" spans="1:16" ht="225" customHeight="1">
      <c r="A46" s="13" t="s">
        <v>774</v>
      </c>
      <c r="B46" s="55" t="s">
        <v>417</v>
      </c>
      <c r="C46" s="56">
        <v>38.213999999999999</v>
      </c>
      <c r="D46" s="13" t="s">
        <v>431</v>
      </c>
      <c r="E46" s="55" t="s">
        <v>437</v>
      </c>
      <c r="F46" s="3" t="s">
        <v>2266</v>
      </c>
      <c r="G46" s="56" t="s">
        <v>1810</v>
      </c>
      <c r="H46" s="57" t="s">
        <v>69</v>
      </c>
      <c r="I46" s="55" t="s">
        <v>489</v>
      </c>
      <c r="J46" s="58" t="s">
        <v>1811</v>
      </c>
      <c r="K46" s="55" t="s">
        <v>1805</v>
      </c>
      <c r="L46" s="59" t="s">
        <v>193</v>
      </c>
      <c r="N46" s="60" t="s">
        <v>12</v>
      </c>
      <c r="O46" s="61" t="s">
        <v>13</v>
      </c>
      <c r="P46" s="62" t="s">
        <v>1812</v>
      </c>
    </row>
    <row r="47" spans="1:16" ht="123.75">
      <c r="A47" s="13" t="s">
        <v>774</v>
      </c>
      <c r="B47" s="55" t="s">
        <v>417</v>
      </c>
      <c r="C47" s="56">
        <v>38.213999999999999</v>
      </c>
      <c r="D47" s="13" t="s">
        <v>431</v>
      </c>
      <c r="E47" s="55" t="s">
        <v>437</v>
      </c>
      <c r="F47" s="3" t="s">
        <v>2268</v>
      </c>
      <c r="G47" s="56" t="s">
        <v>1813</v>
      </c>
      <c r="H47" s="57" t="s">
        <v>69</v>
      </c>
      <c r="I47" s="56" t="s">
        <v>1813</v>
      </c>
      <c r="J47" s="58" t="s">
        <v>1814</v>
      </c>
      <c r="K47" s="55" t="s">
        <v>1815</v>
      </c>
      <c r="L47" s="59" t="s">
        <v>193</v>
      </c>
      <c r="N47" s="60" t="s">
        <v>12</v>
      </c>
      <c r="O47" s="61" t="s">
        <v>13</v>
      </c>
      <c r="P47" s="62" t="s">
        <v>1816</v>
      </c>
    </row>
    <row r="48" spans="1:16" ht="123.75">
      <c r="A48" s="13" t="s">
        <v>774</v>
      </c>
      <c r="B48" s="55" t="s">
        <v>417</v>
      </c>
      <c r="C48" s="56">
        <v>38.213999999999999</v>
      </c>
      <c r="D48" s="13" t="s">
        <v>431</v>
      </c>
      <c r="E48" s="55" t="s">
        <v>437</v>
      </c>
      <c r="F48" s="3" t="s">
        <v>2269</v>
      </c>
      <c r="G48" s="56" t="s">
        <v>1817</v>
      </c>
      <c r="H48" s="57" t="s">
        <v>69</v>
      </c>
      <c r="I48" s="56" t="s">
        <v>1817</v>
      </c>
      <c r="J48" s="58" t="s">
        <v>1818</v>
      </c>
      <c r="K48" s="55" t="s">
        <v>1815</v>
      </c>
      <c r="L48" s="59" t="s">
        <v>193</v>
      </c>
      <c r="N48" s="60" t="s">
        <v>12</v>
      </c>
      <c r="O48" s="61" t="s">
        <v>13</v>
      </c>
      <c r="P48" s="62" t="s">
        <v>567</v>
      </c>
    </row>
    <row r="49" spans="1:16" ht="201.75" customHeight="1">
      <c r="A49" s="13" t="s">
        <v>774</v>
      </c>
      <c r="B49" s="55" t="s">
        <v>417</v>
      </c>
      <c r="C49" s="56">
        <v>38.213999999999999</v>
      </c>
      <c r="D49" s="13" t="s">
        <v>431</v>
      </c>
      <c r="E49" s="55" t="s">
        <v>1819</v>
      </c>
      <c r="F49" s="3" t="s">
        <v>2270</v>
      </c>
      <c r="G49" s="56" t="s">
        <v>1820</v>
      </c>
      <c r="H49" s="57" t="s">
        <v>69</v>
      </c>
      <c r="I49" s="55" t="s">
        <v>1820</v>
      </c>
      <c r="J49" s="58" t="s">
        <v>1821</v>
      </c>
      <c r="K49" s="55" t="s">
        <v>1815</v>
      </c>
      <c r="L49" s="59" t="s">
        <v>193</v>
      </c>
      <c r="N49" s="60" t="s">
        <v>12</v>
      </c>
      <c r="O49" s="61" t="s">
        <v>13</v>
      </c>
      <c r="P49" s="62" t="s">
        <v>1822</v>
      </c>
    </row>
    <row r="50" spans="1:16" ht="292.5">
      <c r="A50" s="13" t="s">
        <v>1823</v>
      </c>
      <c r="B50" s="55" t="s">
        <v>174</v>
      </c>
      <c r="C50" s="56">
        <v>38.213000000000001</v>
      </c>
      <c r="D50" s="13" t="s">
        <v>432</v>
      </c>
      <c r="E50" s="55" t="s">
        <v>1824</v>
      </c>
      <c r="F50" s="13" t="s">
        <v>2271</v>
      </c>
      <c r="G50" s="56" t="s">
        <v>1825</v>
      </c>
      <c r="H50" s="55" t="s">
        <v>69</v>
      </c>
      <c r="I50" s="55" t="s">
        <v>1825</v>
      </c>
      <c r="J50" s="56" t="s">
        <v>1826</v>
      </c>
      <c r="K50" s="55" t="s">
        <v>2023</v>
      </c>
      <c r="L50" s="55" t="s">
        <v>193</v>
      </c>
      <c r="N50" s="55" t="s">
        <v>12</v>
      </c>
      <c r="O50" s="55" t="s">
        <v>13</v>
      </c>
      <c r="P50" s="56" t="s">
        <v>2272</v>
      </c>
    </row>
    <row r="51" spans="1:16" ht="135">
      <c r="A51" s="13" t="s">
        <v>774</v>
      </c>
      <c r="B51" s="55" t="s">
        <v>174</v>
      </c>
      <c r="C51" s="56" t="s">
        <v>178</v>
      </c>
      <c r="D51" s="13" t="s">
        <v>433</v>
      </c>
      <c r="E51" s="64" t="s">
        <v>447</v>
      </c>
      <c r="F51" s="13" t="s">
        <v>2273</v>
      </c>
      <c r="G51" s="56" t="s">
        <v>448</v>
      </c>
      <c r="H51" s="55" t="s">
        <v>69</v>
      </c>
      <c r="I51" s="55" t="s">
        <v>448</v>
      </c>
      <c r="J51" s="56" t="s">
        <v>2274</v>
      </c>
      <c r="K51" s="55" t="s">
        <v>2275</v>
      </c>
      <c r="L51" s="55" t="s">
        <v>193</v>
      </c>
      <c r="N51" s="55" t="s">
        <v>12</v>
      </c>
      <c r="O51" s="55" t="s">
        <v>13</v>
      </c>
      <c r="P51" s="56" t="s">
        <v>569</v>
      </c>
    </row>
    <row r="52" spans="1:16" ht="101.25">
      <c r="A52" s="13" t="s">
        <v>774</v>
      </c>
      <c r="B52" s="55" t="s">
        <v>174</v>
      </c>
      <c r="C52" s="56" t="s">
        <v>178</v>
      </c>
      <c r="D52" s="13" t="s">
        <v>433</v>
      </c>
      <c r="E52" s="55" t="s">
        <v>1827</v>
      </c>
      <c r="F52" s="3" t="s">
        <v>2276</v>
      </c>
      <c r="G52" s="56" t="s">
        <v>490</v>
      </c>
      <c r="H52" s="55" t="s">
        <v>69</v>
      </c>
      <c r="I52" s="55" t="s">
        <v>490</v>
      </c>
      <c r="J52" s="56" t="s">
        <v>570</v>
      </c>
      <c r="K52" s="55" t="s">
        <v>571</v>
      </c>
      <c r="L52" s="55" t="s">
        <v>193</v>
      </c>
      <c r="N52" s="55" t="s">
        <v>12</v>
      </c>
      <c r="O52" s="55" t="s">
        <v>13</v>
      </c>
      <c r="P52" s="56" t="s">
        <v>568</v>
      </c>
    </row>
    <row r="53" spans="1:16" ht="213.75">
      <c r="A53" s="13" t="s">
        <v>1828</v>
      </c>
      <c r="B53" s="55" t="s">
        <v>174</v>
      </c>
      <c r="C53" s="56" t="s">
        <v>178</v>
      </c>
      <c r="D53" s="13" t="s">
        <v>433</v>
      </c>
      <c r="E53" s="55" t="s">
        <v>2277</v>
      </c>
      <c r="F53" s="3" t="s">
        <v>2278</v>
      </c>
      <c r="G53" s="56" t="s">
        <v>1830</v>
      </c>
      <c r="H53" s="55" t="s">
        <v>69</v>
      </c>
      <c r="I53" s="55" t="s">
        <v>491</v>
      </c>
      <c r="J53" s="56" t="s">
        <v>572</v>
      </c>
      <c r="K53" s="55" t="s">
        <v>2279</v>
      </c>
      <c r="L53" s="55" t="s">
        <v>193</v>
      </c>
      <c r="N53" s="55" t="s">
        <v>12</v>
      </c>
      <c r="O53" s="55" t="s">
        <v>13</v>
      </c>
      <c r="P53" s="56" t="s">
        <v>1831</v>
      </c>
    </row>
    <row r="54" spans="1:16" ht="146.25">
      <c r="A54" s="13" t="s">
        <v>774</v>
      </c>
      <c r="B54" s="55" t="s">
        <v>174</v>
      </c>
      <c r="C54" s="56" t="s">
        <v>178</v>
      </c>
      <c r="D54" s="13" t="s">
        <v>433</v>
      </c>
      <c r="E54" s="55" t="s">
        <v>448</v>
      </c>
      <c r="F54" s="3" t="s">
        <v>2280</v>
      </c>
      <c r="G54" s="56" t="s">
        <v>492</v>
      </c>
      <c r="H54" s="55" t="s">
        <v>69</v>
      </c>
      <c r="I54" s="55" t="s">
        <v>492</v>
      </c>
      <c r="J54" s="56" t="s">
        <v>573</v>
      </c>
      <c r="K54" s="55" t="s">
        <v>1832</v>
      </c>
      <c r="L54" s="55" t="s">
        <v>193</v>
      </c>
      <c r="N54" s="55" t="s">
        <v>12</v>
      </c>
      <c r="O54" s="55" t="s">
        <v>13</v>
      </c>
      <c r="P54" s="56" t="s">
        <v>1833</v>
      </c>
    </row>
    <row r="55" spans="1:16" ht="45">
      <c r="A55" s="13" t="s">
        <v>774</v>
      </c>
      <c r="B55" s="55" t="s">
        <v>174</v>
      </c>
      <c r="C55" s="56">
        <v>38.213000000000001</v>
      </c>
      <c r="D55" s="13" t="s">
        <v>432</v>
      </c>
      <c r="E55" s="55" t="s">
        <v>448</v>
      </c>
      <c r="F55" s="13" t="s">
        <v>2281</v>
      </c>
      <c r="G55" s="56" t="s">
        <v>1834</v>
      </c>
      <c r="H55" s="55" t="s">
        <v>69</v>
      </c>
      <c r="I55" s="55" t="s">
        <v>449</v>
      </c>
      <c r="J55" s="56" t="s">
        <v>1835</v>
      </c>
      <c r="K55" s="55" t="s">
        <v>1836</v>
      </c>
      <c r="L55" s="55" t="s">
        <v>193</v>
      </c>
      <c r="N55" s="55" t="s">
        <v>12</v>
      </c>
      <c r="O55" s="55" t="s">
        <v>13</v>
      </c>
      <c r="P55" s="56" t="s">
        <v>574</v>
      </c>
    </row>
    <row r="56" spans="1:16" ht="81.75" customHeight="1">
      <c r="A56" s="13" t="s">
        <v>774</v>
      </c>
      <c r="B56" s="55" t="s">
        <v>174</v>
      </c>
      <c r="C56" s="56">
        <v>38.213000000000001</v>
      </c>
      <c r="D56" s="13" t="s">
        <v>432</v>
      </c>
      <c r="E56" s="55" t="s">
        <v>449</v>
      </c>
      <c r="F56" s="3" t="s">
        <v>2282</v>
      </c>
      <c r="G56" s="56" t="s">
        <v>1829</v>
      </c>
      <c r="H56" s="55" t="s">
        <v>69</v>
      </c>
      <c r="I56" s="55" t="s">
        <v>1837</v>
      </c>
      <c r="J56" s="56" t="s">
        <v>1838</v>
      </c>
      <c r="K56" s="55" t="s">
        <v>1839</v>
      </c>
      <c r="L56" s="55" t="s">
        <v>193</v>
      </c>
      <c r="N56" s="55" t="s">
        <v>12</v>
      </c>
      <c r="O56" s="55" t="s">
        <v>13</v>
      </c>
      <c r="P56" s="56" t="s">
        <v>1840</v>
      </c>
    </row>
    <row r="57" spans="1:16" ht="45">
      <c r="A57" s="13" t="s">
        <v>774</v>
      </c>
      <c r="B57" s="55" t="s">
        <v>174</v>
      </c>
      <c r="C57" s="56">
        <v>38.213000000000001</v>
      </c>
      <c r="D57" s="13" t="s">
        <v>432</v>
      </c>
      <c r="E57" s="55" t="s">
        <v>2277</v>
      </c>
      <c r="F57" s="13" t="s">
        <v>2283</v>
      </c>
      <c r="G57" s="56" t="s">
        <v>493</v>
      </c>
      <c r="H57" s="55" t="s">
        <v>69</v>
      </c>
      <c r="I57" s="55" t="s">
        <v>493</v>
      </c>
      <c r="J57" s="56" t="s">
        <v>1841</v>
      </c>
      <c r="K57" s="55" t="s">
        <v>575</v>
      </c>
      <c r="L57" s="55" t="s">
        <v>193</v>
      </c>
      <c r="N57" s="55" t="s">
        <v>12</v>
      </c>
      <c r="O57" s="55" t="s">
        <v>13</v>
      </c>
      <c r="P57" s="56" t="s">
        <v>574</v>
      </c>
    </row>
    <row r="58" spans="1:16" ht="89.1" customHeight="1">
      <c r="A58" s="13" t="s">
        <v>774</v>
      </c>
      <c r="B58" s="55" t="s">
        <v>174</v>
      </c>
      <c r="C58" s="56">
        <v>38.213000000000001</v>
      </c>
      <c r="D58" s="13" t="s">
        <v>432</v>
      </c>
      <c r="E58" s="55" t="s">
        <v>2277</v>
      </c>
      <c r="F58" s="13" t="s">
        <v>2284</v>
      </c>
      <c r="G58" s="56" t="s">
        <v>1842</v>
      </c>
      <c r="H58" s="55" t="s">
        <v>69</v>
      </c>
      <c r="I58" s="55" t="s">
        <v>450</v>
      </c>
      <c r="J58" s="56" t="s">
        <v>576</v>
      </c>
      <c r="K58" s="55" t="s">
        <v>577</v>
      </c>
      <c r="L58" s="55" t="s">
        <v>193</v>
      </c>
      <c r="N58" s="55" t="s">
        <v>12</v>
      </c>
      <c r="O58" s="55" t="s">
        <v>13</v>
      </c>
      <c r="P58" s="56" t="s">
        <v>1843</v>
      </c>
    </row>
    <row r="59" spans="1:16" ht="171.6" customHeight="1">
      <c r="A59" s="13" t="s">
        <v>774</v>
      </c>
      <c r="B59" s="55" t="s">
        <v>174</v>
      </c>
      <c r="C59" s="56">
        <v>38.213000000000001</v>
      </c>
      <c r="D59" s="13" t="s">
        <v>432</v>
      </c>
      <c r="E59" s="55" t="s">
        <v>450</v>
      </c>
      <c r="F59" s="3" t="s">
        <v>2285</v>
      </c>
      <c r="G59" s="56" t="s">
        <v>1844</v>
      </c>
      <c r="H59" s="55" t="s">
        <v>69</v>
      </c>
      <c r="I59" s="55" t="s">
        <v>494</v>
      </c>
      <c r="J59" s="56" t="s">
        <v>1845</v>
      </c>
      <c r="K59" s="55" t="s">
        <v>1846</v>
      </c>
      <c r="L59" s="55" t="s">
        <v>193</v>
      </c>
      <c r="N59" s="55" t="s">
        <v>12</v>
      </c>
      <c r="O59" s="55" t="s">
        <v>13</v>
      </c>
      <c r="P59" s="56" t="s">
        <v>1847</v>
      </c>
    </row>
    <row r="60" spans="1:16" ht="57.75" customHeight="1">
      <c r="A60" s="13" t="s">
        <v>774</v>
      </c>
      <c r="B60" s="55" t="s">
        <v>174</v>
      </c>
      <c r="C60" s="56">
        <v>38.213000000000001</v>
      </c>
      <c r="D60" s="13" t="s">
        <v>432</v>
      </c>
      <c r="E60" s="55" t="s">
        <v>450</v>
      </c>
      <c r="F60" s="3" t="s">
        <v>2286</v>
      </c>
      <c r="G60" s="56" t="s">
        <v>495</v>
      </c>
      <c r="H60" s="55" t="s">
        <v>69</v>
      </c>
      <c r="I60" s="55" t="s">
        <v>495</v>
      </c>
      <c r="J60" s="56" t="s">
        <v>2287</v>
      </c>
      <c r="K60" s="55" t="s">
        <v>1848</v>
      </c>
      <c r="L60" s="55" t="s">
        <v>193</v>
      </c>
      <c r="N60" s="55" t="s">
        <v>12</v>
      </c>
      <c r="O60" s="55" t="s">
        <v>13</v>
      </c>
      <c r="P60" s="56" t="s">
        <v>1849</v>
      </c>
    </row>
    <row r="61" spans="1:16" ht="90.6" customHeight="1">
      <c r="A61" s="13" t="s">
        <v>774</v>
      </c>
      <c r="B61" s="55" t="s">
        <v>174</v>
      </c>
      <c r="C61" s="56">
        <v>38.213000000000001</v>
      </c>
      <c r="D61" s="13" t="s">
        <v>432</v>
      </c>
      <c r="E61" s="55" t="s">
        <v>450</v>
      </c>
      <c r="F61" s="3" t="s">
        <v>2288</v>
      </c>
      <c r="G61" s="56" t="s">
        <v>496</v>
      </c>
      <c r="H61" s="55" t="s">
        <v>69</v>
      </c>
      <c r="I61" s="55" t="s">
        <v>496</v>
      </c>
      <c r="J61" s="56" t="s">
        <v>578</v>
      </c>
      <c r="K61" s="55" t="s">
        <v>1850</v>
      </c>
      <c r="L61" s="55" t="s">
        <v>193</v>
      </c>
      <c r="N61" s="55" t="s">
        <v>12</v>
      </c>
      <c r="O61" s="55" t="s">
        <v>13</v>
      </c>
      <c r="P61" s="56" t="s">
        <v>1851</v>
      </c>
    </row>
    <row r="62" spans="1:16" ht="95.85" customHeight="1">
      <c r="A62" s="13" t="s">
        <v>774</v>
      </c>
      <c r="B62" s="55" t="s">
        <v>174</v>
      </c>
      <c r="C62" s="56" t="s">
        <v>178</v>
      </c>
      <c r="D62" s="13" t="s">
        <v>434</v>
      </c>
      <c r="E62" s="55" t="s">
        <v>451</v>
      </c>
      <c r="F62" s="3" t="s">
        <v>2289</v>
      </c>
      <c r="G62" s="56" t="s">
        <v>497</v>
      </c>
      <c r="H62" s="55" t="s">
        <v>69</v>
      </c>
      <c r="I62" s="55" t="s">
        <v>497</v>
      </c>
      <c r="J62" s="56" t="s">
        <v>1852</v>
      </c>
      <c r="K62" s="55" t="s">
        <v>579</v>
      </c>
      <c r="L62" s="55" t="s">
        <v>193</v>
      </c>
      <c r="N62" s="55" t="s">
        <v>12</v>
      </c>
      <c r="O62" s="55" t="s">
        <v>13</v>
      </c>
      <c r="P62" s="56" t="s">
        <v>1853</v>
      </c>
    </row>
    <row r="63" spans="1:16" ht="64.5" customHeight="1">
      <c r="A63" s="13" t="s">
        <v>774</v>
      </c>
      <c r="B63" s="55" t="s">
        <v>174</v>
      </c>
      <c r="C63" s="56" t="s">
        <v>178</v>
      </c>
      <c r="D63" s="13" t="s">
        <v>434</v>
      </c>
      <c r="E63" s="55" t="s">
        <v>1854</v>
      </c>
      <c r="F63" s="13" t="s">
        <v>2290</v>
      </c>
      <c r="G63" s="56" t="s">
        <v>452</v>
      </c>
      <c r="H63" s="55" t="s">
        <v>69</v>
      </c>
      <c r="I63" s="55" t="s">
        <v>1855</v>
      </c>
      <c r="J63" s="56" t="s">
        <v>1856</v>
      </c>
      <c r="K63" s="55" t="s">
        <v>1857</v>
      </c>
      <c r="L63" s="55" t="s">
        <v>193</v>
      </c>
      <c r="N63" s="55" t="s">
        <v>12</v>
      </c>
      <c r="O63" s="55" t="s">
        <v>13</v>
      </c>
      <c r="P63" s="56" t="s">
        <v>1858</v>
      </c>
    </row>
    <row r="64" spans="1:16" ht="135">
      <c r="A64" s="13" t="s">
        <v>774</v>
      </c>
      <c r="B64" s="55" t="s">
        <v>174</v>
      </c>
      <c r="C64" s="56" t="s">
        <v>178</v>
      </c>
      <c r="D64" s="13" t="s">
        <v>434</v>
      </c>
      <c r="E64" s="55" t="s">
        <v>452</v>
      </c>
      <c r="F64" s="13" t="s">
        <v>2291</v>
      </c>
      <c r="G64" s="56" t="s">
        <v>1859</v>
      </c>
      <c r="H64" s="55" t="s">
        <v>69</v>
      </c>
      <c r="I64" s="55" t="s">
        <v>498</v>
      </c>
      <c r="J64" s="56" t="s">
        <v>580</v>
      </c>
      <c r="K64" s="55" t="s">
        <v>581</v>
      </c>
      <c r="L64" s="55" t="s">
        <v>193</v>
      </c>
      <c r="N64" s="55" t="s">
        <v>12</v>
      </c>
      <c r="O64" s="55" t="s">
        <v>13</v>
      </c>
      <c r="P64" s="56" t="s">
        <v>1860</v>
      </c>
    </row>
    <row r="65" spans="1:16" ht="90">
      <c r="A65" s="13" t="s">
        <v>774</v>
      </c>
      <c r="B65" s="55" t="s">
        <v>175</v>
      </c>
      <c r="C65" s="56">
        <v>38.213999999999999</v>
      </c>
      <c r="D65" s="13" t="s">
        <v>278</v>
      </c>
      <c r="E65" s="55" t="s">
        <v>439</v>
      </c>
      <c r="G65" s="56" t="s">
        <v>499</v>
      </c>
      <c r="H65" s="57" t="s">
        <v>69</v>
      </c>
      <c r="I65" s="55" t="s">
        <v>499</v>
      </c>
      <c r="J65" s="56" t="s">
        <v>582</v>
      </c>
      <c r="K65" s="55" t="s">
        <v>583</v>
      </c>
      <c r="L65" s="57" t="s">
        <v>193</v>
      </c>
      <c r="N65" s="55" t="s">
        <v>12</v>
      </c>
      <c r="O65" s="55" t="s">
        <v>13</v>
      </c>
      <c r="P65" s="56" t="s">
        <v>584</v>
      </c>
    </row>
    <row r="66" spans="1:16" ht="126" customHeight="1">
      <c r="A66" s="13" t="s">
        <v>774</v>
      </c>
      <c r="B66" s="55" t="s">
        <v>172</v>
      </c>
      <c r="C66" s="56">
        <v>38.212000000000003</v>
      </c>
      <c r="D66" s="13" t="s">
        <v>275</v>
      </c>
      <c r="E66" s="55" t="s">
        <v>441</v>
      </c>
      <c r="F66" s="3" t="s">
        <v>2292</v>
      </c>
      <c r="G66" s="56" t="s">
        <v>1861</v>
      </c>
      <c r="H66" s="57" t="s">
        <v>69</v>
      </c>
      <c r="I66" s="55" t="s">
        <v>1861</v>
      </c>
      <c r="J66" s="56" t="s">
        <v>1862</v>
      </c>
      <c r="K66" s="55" t="s">
        <v>1783</v>
      </c>
      <c r="L66" s="59" t="s">
        <v>193</v>
      </c>
      <c r="N66" s="60" t="s">
        <v>12</v>
      </c>
      <c r="O66" s="61" t="s">
        <v>13</v>
      </c>
      <c r="P66" s="62" t="s">
        <v>1863</v>
      </c>
    </row>
    <row r="67" spans="1:16" ht="123.75">
      <c r="A67" s="13" t="s">
        <v>774</v>
      </c>
      <c r="B67" s="55" t="s">
        <v>172</v>
      </c>
      <c r="C67" s="13" t="s">
        <v>179</v>
      </c>
      <c r="D67" s="13" t="s">
        <v>1755</v>
      </c>
      <c r="E67" s="13" t="s">
        <v>435</v>
      </c>
      <c r="F67" s="3" t="s">
        <v>2293</v>
      </c>
      <c r="G67" s="56" t="s">
        <v>1864</v>
      </c>
      <c r="H67" s="57" t="s">
        <v>117</v>
      </c>
      <c r="I67" s="55" t="s">
        <v>1864</v>
      </c>
      <c r="J67" s="56" t="s">
        <v>1865</v>
      </c>
      <c r="K67" s="55" t="s">
        <v>299</v>
      </c>
      <c r="L67" s="59" t="s">
        <v>193</v>
      </c>
      <c r="N67" s="60" t="s">
        <v>12</v>
      </c>
      <c r="O67" s="61" t="s">
        <v>13</v>
      </c>
      <c r="P67" s="13" t="s">
        <v>1866</v>
      </c>
    </row>
    <row r="68" spans="1:16" ht="71.25" customHeight="1">
      <c r="A68" s="13" t="s">
        <v>774</v>
      </c>
      <c r="B68" s="55" t="s">
        <v>172</v>
      </c>
      <c r="C68" s="56">
        <v>38.212000000000003</v>
      </c>
      <c r="D68" s="13" t="s">
        <v>275</v>
      </c>
      <c r="E68" s="13" t="s">
        <v>1867</v>
      </c>
      <c r="F68" s="3" t="s">
        <v>2294</v>
      </c>
      <c r="G68" s="56" t="s">
        <v>1868</v>
      </c>
      <c r="H68" s="16" t="s">
        <v>69</v>
      </c>
      <c r="I68" s="55" t="s">
        <v>1868</v>
      </c>
      <c r="J68" s="56" t="s">
        <v>1869</v>
      </c>
      <c r="K68" s="55" t="s">
        <v>1870</v>
      </c>
      <c r="L68" s="59" t="s">
        <v>193</v>
      </c>
      <c r="N68" s="60" t="s">
        <v>12</v>
      </c>
      <c r="O68" s="61" t="s">
        <v>13</v>
      </c>
      <c r="P68" s="13" t="s">
        <v>1183</v>
      </c>
    </row>
    <row r="69" spans="1:16" ht="90">
      <c r="A69" s="13" t="s">
        <v>774</v>
      </c>
      <c r="B69" s="55" t="s">
        <v>172</v>
      </c>
      <c r="C69" s="56">
        <v>38.212000000000003</v>
      </c>
      <c r="D69" s="13" t="s">
        <v>275</v>
      </c>
      <c r="E69" s="13" t="s">
        <v>1871</v>
      </c>
      <c r="F69" s="3" t="s">
        <v>2295</v>
      </c>
      <c r="G69" s="56" t="s">
        <v>1872</v>
      </c>
      <c r="H69" s="16" t="s">
        <v>69</v>
      </c>
      <c r="I69" s="55" t="s">
        <v>1872</v>
      </c>
      <c r="J69" s="56" t="s">
        <v>1873</v>
      </c>
      <c r="K69" s="55" t="s">
        <v>1874</v>
      </c>
      <c r="L69" s="59" t="s">
        <v>193</v>
      </c>
      <c r="N69" s="60" t="s">
        <v>12</v>
      </c>
      <c r="O69" s="61" t="s">
        <v>13</v>
      </c>
      <c r="P69" s="13" t="s">
        <v>1363</v>
      </c>
    </row>
    <row r="70" spans="1:16" ht="67.5">
      <c r="A70" s="35" t="s">
        <v>774</v>
      </c>
      <c r="B70" s="72" t="s">
        <v>172</v>
      </c>
      <c r="C70" s="56">
        <v>38.212000000000003</v>
      </c>
      <c r="D70" s="13" t="s">
        <v>275</v>
      </c>
      <c r="E70" s="55" t="s">
        <v>437</v>
      </c>
      <c r="F70" s="3" t="s">
        <v>2296</v>
      </c>
      <c r="G70" s="56" t="s">
        <v>1875</v>
      </c>
      <c r="H70" s="16" t="s">
        <v>69</v>
      </c>
      <c r="I70" s="55" t="s">
        <v>1184</v>
      </c>
      <c r="J70" s="56" t="s">
        <v>1876</v>
      </c>
      <c r="K70" s="55" t="s">
        <v>1877</v>
      </c>
      <c r="L70" s="59" t="s">
        <v>193</v>
      </c>
      <c r="N70" s="60" t="s">
        <v>12</v>
      </c>
      <c r="O70" s="61" t="s">
        <v>13</v>
      </c>
      <c r="P70" s="13" t="s">
        <v>1185</v>
      </c>
    </row>
    <row r="71" spans="1:16" ht="67.5">
      <c r="A71" s="35" t="s">
        <v>774</v>
      </c>
      <c r="B71" s="72" t="s">
        <v>172</v>
      </c>
      <c r="C71" s="56">
        <v>38.212000000000003</v>
      </c>
      <c r="D71" s="13" t="s">
        <v>275</v>
      </c>
      <c r="E71" s="55" t="s">
        <v>437</v>
      </c>
      <c r="F71" s="3" t="s">
        <v>2297</v>
      </c>
      <c r="G71" s="56" t="s">
        <v>1878</v>
      </c>
      <c r="H71" s="16" t="s">
        <v>69</v>
      </c>
      <c r="I71" s="55" t="s">
        <v>1186</v>
      </c>
      <c r="J71" s="56" t="s">
        <v>1879</v>
      </c>
      <c r="K71" s="55" t="s">
        <v>1880</v>
      </c>
      <c r="L71" s="59" t="s">
        <v>193</v>
      </c>
      <c r="N71" s="60" t="s">
        <v>12</v>
      </c>
      <c r="O71" s="61" t="s">
        <v>13</v>
      </c>
      <c r="P71" s="13" t="s">
        <v>1185</v>
      </c>
    </row>
    <row r="72" spans="1:16" ht="187.5" customHeight="1">
      <c r="A72" s="13" t="s">
        <v>774</v>
      </c>
      <c r="B72" s="55" t="s">
        <v>172</v>
      </c>
      <c r="C72" s="56">
        <v>38.212000000000003</v>
      </c>
      <c r="D72" s="13" t="s">
        <v>421</v>
      </c>
      <c r="E72" s="55" t="s">
        <v>437</v>
      </c>
      <c r="F72" s="3" t="s">
        <v>2249</v>
      </c>
      <c r="G72" s="56" t="s">
        <v>1881</v>
      </c>
      <c r="H72" s="57" t="s">
        <v>69</v>
      </c>
      <c r="I72" s="56" t="s">
        <v>1881</v>
      </c>
      <c r="J72" s="56" t="s">
        <v>1882</v>
      </c>
      <c r="K72" s="55" t="s">
        <v>1883</v>
      </c>
      <c r="L72" s="57" t="s">
        <v>193</v>
      </c>
      <c r="N72" s="58" t="s">
        <v>12</v>
      </c>
      <c r="O72" s="55" t="s">
        <v>13</v>
      </c>
      <c r="P72" s="13" t="s">
        <v>1884</v>
      </c>
    </row>
    <row r="73" spans="1:16" ht="186" customHeight="1">
      <c r="A73" s="13" t="s">
        <v>774</v>
      </c>
      <c r="B73" s="55" t="s">
        <v>172</v>
      </c>
      <c r="C73" s="56">
        <v>38.212000000000003</v>
      </c>
      <c r="D73" s="13" t="s">
        <v>421</v>
      </c>
      <c r="E73" s="55" t="s">
        <v>437</v>
      </c>
      <c r="F73" s="3" t="s">
        <v>2298</v>
      </c>
      <c r="G73" s="56" t="s">
        <v>1885</v>
      </c>
      <c r="H73" s="57" t="s">
        <v>69</v>
      </c>
      <c r="I73" s="56" t="s">
        <v>1885</v>
      </c>
      <c r="J73" s="56" t="s">
        <v>1886</v>
      </c>
      <c r="K73" s="55" t="s">
        <v>1887</v>
      </c>
      <c r="L73" s="59" t="s">
        <v>193</v>
      </c>
      <c r="N73" s="60" t="s">
        <v>12</v>
      </c>
      <c r="O73" s="61" t="s">
        <v>13</v>
      </c>
      <c r="P73" s="13" t="s">
        <v>1884</v>
      </c>
    </row>
    <row r="74" spans="1:16" ht="67.5">
      <c r="A74" s="35" t="s">
        <v>774</v>
      </c>
      <c r="B74" s="72" t="s">
        <v>172</v>
      </c>
      <c r="C74" s="56">
        <v>38.213999999999999</v>
      </c>
      <c r="D74" s="13" t="s">
        <v>1888</v>
      </c>
      <c r="E74" s="55" t="s">
        <v>437</v>
      </c>
      <c r="F74" s="3" t="s">
        <v>2299</v>
      </c>
      <c r="G74" s="13" t="s">
        <v>1889</v>
      </c>
      <c r="H74" s="57" t="s">
        <v>69</v>
      </c>
      <c r="I74" s="36" t="s">
        <v>1889</v>
      </c>
      <c r="J74" s="56" t="s">
        <v>1890</v>
      </c>
      <c r="K74" s="55" t="s">
        <v>1891</v>
      </c>
      <c r="L74" s="59" t="s">
        <v>193</v>
      </c>
      <c r="N74" s="60" t="s">
        <v>12</v>
      </c>
      <c r="O74" s="61" t="s">
        <v>13</v>
      </c>
      <c r="P74" s="13" t="s">
        <v>1892</v>
      </c>
    </row>
    <row r="75" spans="1:16" ht="78.75">
      <c r="A75" s="35" t="s">
        <v>774</v>
      </c>
      <c r="B75" s="72" t="s">
        <v>172</v>
      </c>
      <c r="C75" s="56">
        <v>38.213999999999999</v>
      </c>
      <c r="D75" s="13" t="s">
        <v>1893</v>
      </c>
      <c r="E75" s="55" t="s">
        <v>435</v>
      </c>
      <c r="F75" s="3" t="s">
        <v>2300</v>
      </c>
      <c r="G75" s="13" t="s">
        <v>1894</v>
      </c>
      <c r="H75" s="57" t="s">
        <v>69</v>
      </c>
      <c r="I75" s="36" t="s">
        <v>1894</v>
      </c>
      <c r="J75" s="56" t="s">
        <v>1895</v>
      </c>
      <c r="K75" s="55" t="s">
        <v>1891</v>
      </c>
      <c r="L75" s="59" t="s">
        <v>193</v>
      </c>
      <c r="N75" s="60" t="s">
        <v>12</v>
      </c>
      <c r="O75" s="61" t="s">
        <v>13</v>
      </c>
      <c r="P75" s="13" t="s">
        <v>1187</v>
      </c>
    </row>
    <row r="76" spans="1:16" ht="78.75">
      <c r="A76" s="35" t="s">
        <v>774</v>
      </c>
      <c r="B76" s="72" t="s">
        <v>172</v>
      </c>
      <c r="C76" s="56">
        <v>38.213999999999999</v>
      </c>
      <c r="D76" s="13" t="s">
        <v>1888</v>
      </c>
      <c r="E76" s="55" t="s">
        <v>437</v>
      </c>
      <c r="F76" s="3" t="s">
        <v>2301</v>
      </c>
      <c r="G76" s="13" t="s">
        <v>1896</v>
      </c>
      <c r="H76" s="57" t="s">
        <v>69</v>
      </c>
      <c r="I76" s="36" t="s">
        <v>1896</v>
      </c>
      <c r="J76" s="56" t="s">
        <v>1897</v>
      </c>
      <c r="K76" s="55" t="s">
        <v>1898</v>
      </c>
      <c r="L76" s="59" t="s">
        <v>193</v>
      </c>
      <c r="N76" s="60" t="s">
        <v>12</v>
      </c>
      <c r="O76" s="61" t="s">
        <v>13</v>
      </c>
      <c r="P76" s="13" t="s">
        <v>1899</v>
      </c>
    </row>
    <row r="77" spans="1:16" s="17" customFormat="1" ht="225">
      <c r="A77" s="35" t="s">
        <v>774</v>
      </c>
      <c r="B77" s="36" t="s">
        <v>1900</v>
      </c>
      <c r="C77" s="56">
        <v>38.213000000000001</v>
      </c>
      <c r="D77" s="13" t="s">
        <v>1901</v>
      </c>
      <c r="E77" s="13" t="s">
        <v>1902</v>
      </c>
      <c r="F77" s="3" t="s">
        <v>2302</v>
      </c>
      <c r="G77" s="13" t="s">
        <v>1903</v>
      </c>
      <c r="H77" s="57" t="s">
        <v>69</v>
      </c>
      <c r="I77" s="36" t="s">
        <v>1903</v>
      </c>
      <c r="J77" s="13" t="s">
        <v>1904</v>
      </c>
      <c r="K77" s="36" t="s">
        <v>1905</v>
      </c>
      <c r="L77" s="59" t="s">
        <v>193</v>
      </c>
      <c r="M77" s="13"/>
      <c r="N77" s="60" t="s">
        <v>887</v>
      </c>
      <c r="O77" s="61" t="s">
        <v>13</v>
      </c>
      <c r="P77" s="13" t="s">
        <v>1906</v>
      </c>
    </row>
    <row r="78" spans="1:16" ht="188.25" customHeight="1">
      <c r="A78" s="13" t="s">
        <v>774</v>
      </c>
      <c r="B78" s="55" t="s">
        <v>172</v>
      </c>
      <c r="C78" s="56" t="s">
        <v>176</v>
      </c>
      <c r="D78" s="13" t="s">
        <v>276</v>
      </c>
      <c r="E78" s="55" t="s">
        <v>435</v>
      </c>
      <c r="F78" s="3" t="s">
        <v>2303</v>
      </c>
      <c r="G78" s="56" t="s">
        <v>1907</v>
      </c>
      <c r="H78" s="57" t="s">
        <v>69</v>
      </c>
      <c r="I78" s="55" t="s">
        <v>1907</v>
      </c>
      <c r="J78" s="56" t="s">
        <v>1908</v>
      </c>
      <c r="K78" s="55" t="s">
        <v>1909</v>
      </c>
      <c r="L78" s="59" t="s">
        <v>193</v>
      </c>
      <c r="N78" s="61" t="s">
        <v>12</v>
      </c>
      <c r="O78" s="61" t="s">
        <v>13</v>
      </c>
      <c r="P78" s="56" t="s">
        <v>1763</v>
      </c>
    </row>
    <row r="79" spans="1:16" ht="180">
      <c r="A79" s="13" t="s">
        <v>774</v>
      </c>
      <c r="B79" s="55" t="s">
        <v>172</v>
      </c>
      <c r="C79" s="56" t="s">
        <v>176</v>
      </c>
      <c r="D79" s="13" t="s">
        <v>277</v>
      </c>
      <c r="E79" s="55" t="s">
        <v>437</v>
      </c>
      <c r="F79" s="3" t="s">
        <v>2304</v>
      </c>
      <c r="G79" s="56" t="s">
        <v>1910</v>
      </c>
      <c r="H79" s="57" t="s">
        <v>69</v>
      </c>
      <c r="I79" s="55" t="s">
        <v>1910</v>
      </c>
      <c r="J79" s="56" t="s">
        <v>1911</v>
      </c>
      <c r="K79" s="55" t="s">
        <v>1909</v>
      </c>
      <c r="L79" s="59" t="s">
        <v>193</v>
      </c>
      <c r="N79" s="61" t="s">
        <v>12</v>
      </c>
      <c r="O79" s="61" t="s">
        <v>13</v>
      </c>
      <c r="P79" s="56" t="s">
        <v>1763</v>
      </c>
    </row>
    <row r="80" spans="1:16" ht="180">
      <c r="A80" s="13" t="s">
        <v>774</v>
      </c>
      <c r="B80" s="36" t="s">
        <v>173</v>
      </c>
      <c r="C80" s="56" t="s">
        <v>1912</v>
      </c>
      <c r="D80" s="13" t="s">
        <v>1913</v>
      </c>
      <c r="E80" s="13" t="s">
        <v>437</v>
      </c>
      <c r="F80" s="3" t="s">
        <v>2305</v>
      </c>
      <c r="G80" s="56" t="s">
        <v>1914</v>
      </c>
      <c r="H80" s="57" t="s">
        <v>69</v>
      </c>
      <c r="I80" s="55" t="s">
        <v>1914</v>
      </c>
      <c r="J80" s="56" t="s">
        <v>1915</v>
      </c>
      <c r="K80" s="36" t="s">
        <v>1791</v>
      </c>
      <c r="L80" s="59" t="s">
        <v>193</v>
      </c>
      <c r="N80" s="61" t="s">
        <v>12</v>
      </c>
      <c r="O80" s="61" t="s">
        <v>13</v>
      </c>
      <c r="P80" s="13" t="s">
        <v>1916</v>
      </c>
    </row>
    <row r="81" spans="1:16" ht="191.25">
      <c r="A81" s="13" t="s">
        <v>774</v>
      </c>
      <c r="B81" s="36" t="s">
        <v>173</v>
      </c>
      <c r="C81" s="56" t="s">
        <v>1912</v>
      </c>
      <c r="D81" s="13" t="s">
        <v>1913</v>
      </c>
      <c r="E81" s="13" t="s">
        <v>437</v>
      </c>
      <c r="F81" s="3" t="s">
        <v>2306</v>
      </c>
      <c r="G81" s="56" t="s">
        <v>1917</v>
      </c>
      <c r="H81" s="57" t="s">
        <v>69</v>
      </c>
      <c r="I81" s="55" t="s">
        <v>1917</v>
      </c>
      <c r="J81" s="56" t="s">
        <v>1918</v>
      </c>
      <c r="K81" s="36" t="s">
        <v>1791</v>
      </c>
      <c r="L81" s="59" t="s">
        <v>193</v>
      </c>
      <c r="N81" s="61" t="s">
        <v>12</v>
      </c>
      <c r="O81" s="61" t="s">
        <v>13</v>
      </c>
      <c r="P81" s="13" t="s">
        <v>1919</v>
      </c>
    </row>
    <row r="82" spans="1:16" ht="191.25">
      <c r="A82" s="13" t="s">
        <v>774</v>
      </c>
      <c r="B82" s="36" t="s">
        <v>173</v>
      </c>
      <c r="C82" s="56" t="s">
        <v>1912</v>
      </c>
      <c r="D82" s="13" t="s">
        <v>1913</v>
      </c>
      <c r="E82" s="13" t="s">
        <v>1756</v>
      </c>
      <c r="F82" s="3" t="s">
        <v>2307</v>
      </c>
      <c r="G82" s="56" t="s">
        <v>1920</v>
      </c>
      <c r="H82" s="57" t="s">
        <v>69</v>
      </c>
      <c r="I82" s="55" t="s">
        <v>1920</v>
      </c>
      <c r="J82" s="56" t="s">
        <v>1921</v>
      </c>
      <c r="K82" s="36" t="s">
        <v>1791</v>
      </c>
      <c r="L82" s="59" t="s">
        <v>193</v>
      </c>
      <c r="N82" s="61" t="s">
        <v>12</v>
      </c>
      <c r="O82" s="61" t="s">
        <v>13</v>
      </c>
      <c r="P82" s="13" t="s">
        <v>1919</v>
      </c>
    </row>
    <row r="83" spans="1:16" ht="191.25">
      <c r="A83" s="13" t="s">
        <v>774</v>
      </c>
      <c r="B83" s="36" t="s">
        <v>173</v>
      </c>
      <c r="C83" s="56" t="s">
        <v>1912</v>
      </c>
      <c r="D83" s="13" t="s">
        <v>1913</v>
      </c>
      <c r="E83" s="13" t="s">
        <v>1756</v>
      </c>
      <c r="F83" s="3" t="s">
        <v>2308</v>
      </c>
      <c r="G83" s="56" t="s">
        <v>1922</v>
      </c>
      <c r="H83" s="57" t="s">
        <v>69</v>
      </c>
      <c r="I83" s="55" t="s">
        <v>1922</v>
      </c>
      <c r="J83" s="56" t="s">
        <v>1923</v>
      </c>
      <c r="K83" s="36" t="s">
        <v>1791</v>
      </c>
      <c r="L83" s="59" t="s">
        <v>193</v>
      </c>
      <c r="N83" s="61" t="s">
        <v>12</v>
      </c>
      <c r="O83" s="61" t="s">
        <v>13</v>
      </c>
      <c r="P83" s="13" t="s">
        <v>1919</v>
      </c>
    </row>
    <row r="84" spans="1:16" ht="146.25" customHeight="1">
      <c r="A84" s="13" t="s">
        <v>774</v>
      </c>
      <c r="B84" s="55" t="s">
        <v>417</v>
      </c>
      <c r="C84" s="56" t="s">
        <v>179</v>
      </c>
      <c r="D84" s="13" t="s">
        <v>1924</v>
      </c>
      <c r="E84" s="55" t="s">
        <v>437</v>
      </c>
      <c r="F84" s="3" t="s">
        <v>2309</v>
      </c>
      <c r="G84" s="56" t="s">
        <v>1925</v>
      </c>
      <c r="H84" s="57" t="s">
        <v>69</v>
      </c>
      <c r="I84" s="55" t="s">
        <v>1925</v>
      </c>
      <c r="J84" s="56" t="s">
        <v>1926</v>
      </c>
      <c r="K84" s="55" t="s">
        <v>2310</v>
      </c>
      <c r="L84" s="59" t="s">
        <v>1927</v>
      </c>
      <c r="N84" s="60" t="s">
        <v>12</v>
      </c>
      <c r="O84" s="61" t="s">
        <v>13</v>
      </c>
      <c r="P84" s="62" t="s">
        <v>1687</v>
      </c>
    </row>
    <row r="85" spans="1:16" ht="175.5" customHeight="1">
      <c r="A85" s="13" t="s">
        <v>774</v>
      </c>
      <c r="B85" s="55" t="s">
        <v>417</v>
      </c>
      <c r="C85" s="56">
        <v>38.213999999999999</v>
      </c>
      <c r="D85" s="13" t="s">
        <v>1928</v>
      </c>
      <c r="E85" s="56" t="s">
        <v>1929</v>
      </c>
      <c r="F85" s="3" t="s">
        <v>2311</v>
      </c>
      <c r="G85" s="56" t="s">
        <v>1275</v>
      </c>
      <c r="H85" s="57" t="s">
        <v>69</v>
      </c>
      <c r="I85" s="55" t="s">
        <v>1275</v>
      </c>
      <c r="J85" s="56" t="s">
        <v>1930</v>
      </c>
      <c r="K85" s="55" t="s">
        <v>2312</v>
      </c>
      <c r="L85" s="59" t="s">
        <v>193</v>
      </c>
      <c r="N85" s="60" t="s">
        <v>12</v>
      </c>
      <c r="O85" s="61" t="s">
        <v>13</v>
      </c>
      <c r="P85" s="62" t="s">
        <v>1688</v>
      </c>
    </row>
    <row r="86" spans="1:16" ht="101.25">
      <c r="A86" s="13" t="s">
        <v>774</v>
      </c>
      <c r="B86" s="55" t="s">
        <v>417</v>
      </c>
      <c r="C86" s="56">
        <v>38.213999999999999</v>
      </c>
      <c r="D86" s="13" t="s">
        <v>1928</v>
      </c>
      <c r="E86" s="56" t="s">
        <v>2313</v>
      </c>
      <c r="F86" s="13" t="s">
        <v>2314</v>
      </c>
      <c r="G86" s="13" t="s">
        <v>1931</v>
      </c>
      <c r="H86" s="57" t="s">
        <v>69</v>
      </c>
      <c r="I86" s="36" t="s">
        <v>1931</v>
      </c>
      <c r="J86" s="58" t="s">
        <v>1932</v>
      </c>
      <c r="K86" s="55" t="s">
        <v>1933</v>
      </c>
      <c r="L86" s="59" t="s">
        <v>193</v>
      </c>
      <c r="N86" s="60" t="s">
        <v>12</v>
      </c>
      <c r="O86" s="61" t="s">
        <v>13</v>
      </c>
      <c r="P86" s="62" t="s">
        <v>1689</v>
      </c>
    </row>
    <row r="87" spans="1:16" ht="101.25">
      <c r="A87" s="13" t="s">
        <v>774</v>
      </c>
      <c r="B87" s="55" t="s">
        <v>417</v>
      </c>
      <c r="C87" s="56">
        <v>38.213999999999999</v>
      </c>
      <c r="D87" s="13" t="s">
        <v>1928</v>
      </c>
      <c r="E87" s="56" t="s">
        <v>2313</v>
      </c>
      <c r="F87" s="13" t="s">
        <v>1276</v>
      </c>
      <c r="G87" s="13" t="s">
        <v>1276</v>
      </c>
      <c r="H87" s="57" t="s">
        <v>69</v>
      </c>
      <c r="I87" s="36" t="s">
        <v>1276</v>
      </c>
      <c r="J87" s="58" t="s">
        <v>1934</v>
      </c>
      <c r="K87" s="55" t="s">
        <v>1935</v>
      </c>
      <c r="L87" s="59" t="s">
        <v>193</v>
      </c>
      <c r="N87" s="60" t="s">
        <v>12</v>
      </c>
      <c r="O87" s="61" t="s">
        <v>13</v>
      </c>
      <c r="P87" s="62" t="s">
        <v>1689</v>
      </c>
    </row>
    <row r="88" spans="1:16" ht="168.75">
      <c r="A88" s="13" t="s">
        <v>774</v>
      </c>
      <c r="B88" s="55" t="s">
        <v>417</v>
      </c>
      <c r="C88" s="56">
        <v>38.213999999999999</v>
      </c>
      <c r="D88" s="13" t="s">
        <v>1928</v>
      </c>
      <c r="E88" s="13" t="s">
        <v>1690</v>
      </c>
      <c r="F88" s="3" t="s">
        <v>2315</v>
      </c>
      <c r="G88" s="13" t="s">
        <v>1936</v>
      </c>
      <c r="H88" s="57" t="s">
        <v>69</v>
      </c>
      <c r="I88" s="36" t="s">
        <v>1936</v>
      </c>
      <c r="J88" s="56" t="s">
        <v>1937</v>
      </c>
      <c r="K88" s="55" t="s">
        <v>2316</v>
      </c>
      <c r="L88" s="59" t="s">
        <v>1938</v>
      </c>
      <c r="N88" s="60" t="s">
        <v>12</v>
      </c>
      <c r="O88" s="61" t="s">
        <v>13</v>
      </c>
      <c r="P88" s="13" t="s">
        <v>1691</v>
      </c>
    </row>
    <row r="89" spans="1:16" ht="306.75" customHeight="1">
      <c r="A89" s="13" t="s">
        <v>774</v>
      </c>
      <c r="B89" s="55" t="s">
        <v>417</v>
      </c>
      <c r="C89" s="56">
        <v>38.213999999999999</v>
      </c>
      <c r="D89" s="13" t="s">
        <v>1928</v>
      </c>
      <c r="E89" s="13" t="s">
        <v>437</v>
      </c>
      <c r="F89" s="3" t="s">
        <v>2317</v>
      </c>
      <c r="G89" s="13" t="s">
        <v>1939</v>
      </c>
      <c r="H89" s="57" t="s">
        <v>69</v>
      </c>
      <c r="I89" s="36" t="s">
        <v>1939</v>
      </c>
      <c r="J89" s="13" t="s">
        <v>1940</v>
      </c>
      <c r="K89" s="55" t="s">
        <v>1941</v>
      </c>
      <c r="L89" s="59" t="s">
        <v>193</v>
      </c>
      <c r="N89" s="60" t="s">
        <v>12</v>
      </c>
      <c r="O89" s="61" t="s">
        <v>13</v>
      </c>
      <c r="P89" s="13" t="s">
        <v>1942</v>
      </c>
    </row>
    <row r="90" spans="1:16" ht="195" customHeight="1">
      <c r="A90" s="13" t="s">
        <v>774</v>
      </c>
      <c r="B90" s="55" t="s">
        <v>417</v>
      </c>
      <c r="C90" s="56">
        <v>38.213999999999999</v>
      </c>
      <c r="D90" s="13" t="s">
        <v>1928</v>
      </c>
      <c r="E90" s="13" t="s">
        <v>437</v>
      </c>
      <c r="F90" s="3" t="s">
        <v>2318</v>
      </c>
      <c r="G90" s="13" t="s">
        <v>1943</v>
      </c>
      <c r="H90" s="57" t="s">
        <v>69</v>
      </c>
      <c r="I90" s="36" t="s">
        <v>1943</v>
      </c>
      <c r="J90" s="13" t="s">
        <v>1944</v>
      </c>
      <c r="K90" s="36" t="s">
        <v>1791</v>
      </c>
      <c r="L90" s="59" t="s">
        <v>193</v>
      </c>
      <c r="N90" s="60" t="s">
        <v>12</v>
      </c>
      <c r="O90" s="61" t="s">
        <v>13</v>
      </c>
      <c r="P90" s="13" t="s">
        <v>1942</v>
      </c>
    </row>
    <row r="91" spans="1:16" ht="195" customHeight="1">
      <c r="A91" s="13" t="s">
        <v>774</v>
      </c>
      <c r="B91" s="55" t="s">
        <v>417</v>
      </c>
      <c r="C91" s="56">
        <v>38.213999999999999</v>
      </c>
      <c r="D91" s="13" t="s">
        <v>1928</v>
      </c>
      <c r="E91" s="13" t="s">
        <v>437</v>
      </c>
      <c r="F91" s="3" t="s">
        <v>2319</v>
      </c>
      <c r="G91" s="13" t="s">
        <v>1945</v>
      </c>
      <c r="H91" s="57" t="s">
        <v>69</v>
      </c>
      <c r="I91" s="36" t="s">
        <v>1945</v>
      </c>
      <c r="J91" s="13" t="s">
        <v>1946</v>
      </c>
      <c r="K91" s="36" t="s">
        <v>1791</v>
      </c>
      <c r="L91" s="59" t="s">
        <v>193</v>
      </c>
      <c r="N91" s="60" t="s">
        <v>12</v>
      </c>
      <c r="O91" s="61" t="s">
        <v>13</v>
      </c>
      <c r="P91" s="13" t="s">
        <v>1942</v>
      </c>
    </row>
    <row r="92" spans="1:16" ht="56.25">
      <c r="A92" s="13" t="s">
        <v>774</v>
      </c>
      <c r="B92" s="55" t="s">
        <v>174</v>
      </c>
      <c r="C92" s="56">
        <v>38.213000000000001</v>
      </c>
      <c r="D92" s="13" t="s">
        <v>432</v>
      </c>
      <c r="E92" s="13" t="s">
        <v>1277</v>
      </c>
      <c r="F92" s="13" t="s">
        <v>2320</v>
      </c>
      <c r="G92" s="13" t="s">
        <v>1947</v>
      </c>
      <c r="H92" s="16" t="s">
        <v>594</v>
      </c>
      <c r="I92" s="36" t="s">
        <v>1947</v>
      </c>
      <c r="J92" s="13" t="s">
        <v>1948</v>
      </c>
      <c r="K92" s="55" t="s">
        <v>1949</v>
      </c>
      <c r="L92" s="59" t="s">
        <v>193</v>
      </c>
      <c r="N92" s="60" t="s">
        <v>12</v>
      </c>
      <c r="O92" s="61" t="s">
        <v>13</v>
      </c>
      <c r="P92" s="13" t="s">
        <v>1950</v>
      </c>
    </row>
    <row r="93" spans="1:16" ht="168.75">
      <c r="A93" s="13" t="s">
        <v>774</v>
      </c>
      <c r="B93" s="55" t="s">
        <v>174</v>
      </c>
      <c r="C93" s="56" t="s">
        <v>178</v>
      </c>
      <c r="D93" s="13" t="s">
        <v>433</v>
      </c>
      <c r="E93" s="13" t="s">
        <v>1854</v>
      </c>
      <c r="F93" s="73" t="s">
        <v>2321</v>
      </c>
      <c r="G93" s="56" t="s">
        <v>1951</v>
      </c>
      <c r="H93" s="57" t="s">
        <v>69</v>
      </c>
      <c r="I93" s="55" t="s">
        <v>1278</v>
      </c>
      <c r="J93" s="56" t="s">
        <v>1952</v>
      </c>
      <c r="K93" s="55" t="s">
        <v>1783</v>
      </c>
      <c r="L93" s="57" t="s">
        <v>193</v>
      </c>
      <c r="N93" s="55" t="s">
        <v>12</v>
      </c>
      <c r="O93" s="55" t="s">
        <v>13</v>
      </c>
      <c r="P93" s="56" t="s">
        <v>1953</v>
      </c>
    </row>
    <row r="94" spans="1:16" ht="168.75">
      <c r="A94" s="13" t="s">
        <v>774</v>
      </c>
      <c r="B94" s="55" t="s">
        <v>174</v>
      </c>
      <c r="C94" s="56" t="s">
        <v>178</v>
      </c>
      <c r="D94" s="13" t="s">
        <v>1954</v>
      </c>
      <c r="E94" s="13" t="s">
        <v>451</v>
      </c>
      <c r="F94" s="73" t="s">
        <v>2322</v>
      </c>
      <c r="G94" s="56" t="s">
        <v>1955</v>
      </c>
      <c r="H94" s="57" t="s">
        <v>69</v>
      </c>
      <c r="I94" s="55" t="s">
        <v>1279</v>
      </c>
      <c r="J94" s="56" t="s">
        <v>1956</v>
      </c>
      <c r="K94" s="55" t="s">
        <v>1783</v>
      </c>
      <c r="L94" s="57" t="s">
        <v>193</v>
      </c>
      <c r="N94" s="55" t="s">
        <v>12</v>
      </c>
      <c r="O94" s="55" t="s">
        <v>13</v>
      </c>
      <c r="P94" s="56" t="s">
        <v>1953</v>
      </c>
    </row>
    <row r="95" spans="1:16" ht="70.349999999999994" customHeight="1">
      <c r="A95" s="13" t="s">
        <v>774</v>
      </c>
      <c r="B95" s="55" t="s">
        <v>417</v>
      </c>
      <c r="C95" s="56">
        <v>38.213999999999999</v>
      </c>
      <c r="D95" s="13" t="s">
        <v>1957</v>
      </c>
      <c r="E95" s="13" t="s">
        <v>1958</v>
      </c>
      <c r="F95" s="3" t="s">
        <v>2323</v>
      </c>
      <c r="G95" s="13" t="s">
        <v>1959</v>
      </c>
      <c r="H95" s="57" t="s">
        <v>69</v>
      </c>
      <c r="I95" s="13" t="s">
        <v>1959</v>
      </c>
      <c r="J95" s="13" t="s">
        <v>1960</v>
      </c>
      <c r="K95" s="55" t="s">
        <v>1961</v>
      </c>
      <c r="L95" s="57" t="s">
        <v>193</v>
      </c>
      <c r="N95" s="55" t="s">
        <v>12</v>
      </c>
      <c r="O95" s="55" t="s">
        <v>13</v>
      </c>
      <c r="P95" s="13" t="s">
        <v>1962</v>
      </c>
    </row>
    <row r="96" spans="1:16" ht="45">
      <c r="A96" s="42" t="s">
        <v>774</v>
      </c>
      <c r="B96" s="43" t="s">
        <v>172</v>
      </c>
      <c r="C96" s="42" t="s">
        <v>1963</v>
      </c>
      <c r="D96" s="42" t="s">
        <v>1964</v>
      </c>
      <c r="E96" s="42" t="s">
        <v>442</v>
      </c>
      <c r="F96" s="42"/>
      <c r="G96" s="42" t="s">
        <v>1965</v>
      </c>
      <c r="H96" s="44" t="s">
        <v>69</v>
      </c>
      <c r="I96" s="43" t="s">
        <v>1965</v>
      </c>
      <c r="J96" s="42" t="s">
        <v>1966</v>
      </c>
      <c r="K96" s="43" t="s">
        <v>1967</v>
      </c>
      <c r="L96" s="44" t="s">
        <v>193</v>
      </c>
      <c r="M96" s="42"/>
      <c r="N96" s="43" t="s">
        <v>12</v>
      </c>
      <c r="O96" s="43" t="s">
        <v>13</v>
      </c>
      <c r="P96" s="42" t="s">
        <v>1968</v>
      </c>
    </row>
    <row r="97" spans="1:16" ht="168.75">
      <c r="A97" s="13" t="s">
        <v>774</v>
      </c>
      <c r="B97" s="36" t="s">
        <v>172</v>
      </c>
      <c r="C97" s="13" t="s">
        <v>179</v>
      </c>
      <c r="D97" s="13" t="s">
        <v>1969</v>
      </c>
      <c r="E97" s="13" t="s">
        <v>1970</v>
      </c>
      <c r="F97" s="3" t="s">
        <v>2324</v>
      </c>
      <c r="G97" s="13" t="s">
        <v>1971</v>
      </c>
      <c r="H97" s="16" t="s">
        <v>69</v>
      </c>
      <c r="I97" s="36" t="s">
        <v>1971</v>
      </c>
      <c r="J97" s="13" t="s">
        <v>1972</v>
      </c>
      <c r="K97" s="36" t="s">
        <v>530</v>
      </c>
      <c r="L97" s="16" t="s">
        <v>193</v>
      </c>
      <c r="N97" s="36" t="s">
        <v>12</v>
      </c>
      <c r="O97" s="36" t="s">
        <v>13</v>
      </c>
      <c r="P97" s="13" t="s">
        <v>1973</v>
      </c>
    </row>
    <row r="98" spans="1:16" ht="56.25">
      <c r="A98" s="13" t="s">
        <v>774</v>
      </c>
      <c r="B98" s="36" t="s">
        <v>174</v>
      </c>
      <c r="C98" s="56" t="s">
        <v>178</v>
      </c>
      <c r="D98" s="13" t="s">
        <v>433</v>
      </c>
      <c r="E98" s="55"/>
      <c r="F98" s="13" t="s">
        <v>2325</v>
      </c>
      <c r="G98" s="56" t="s">
        <v>1280</v>
      </c>
      <c r="H98" s="57" t="s">
        <v>69</v>
      </c>
      <c r="I98" s="55" t="s">
        <v>1974</v>
      </c>
      <c r="J98" s="58" t="s">
        <v>1975</v>
      </c>
      <c r="K98" s="55">
        <v>126</v>
      </c>
      <c r="L98" s="59" t="s">
        <v>193</v>
      </c>
      <c r="N98" s="60" t="s">
        <v>12</v>
      </c>
      <c r="O98" s="61" t="s">
        <v>13</v>
      </c>
      <c r="P98" s="62" t="s">
        <v>1976</v>
      </c>
    </row>
    <row r="99" spans="1:16" ht="112.5">
      <c r="A99" s="13" t="s">
        <v>774</v>
      </c>
      <c r="B99" s="55" t="s">
        <v>172</v>
      </c>
      <c r="C99" s="56" t="s">
        <v>179</v>
      </c>
      <c r="D99" s="13" t="s">
        <v>272</v>
      </c>
      <c r="E99" s="55" t="s">
        <v>435</v>
      </c>
      <c r="F99" s="3" t="s">
        <v>2326</v>
      </c>
      <c r="G99" s="56" t="s">
        <v>1977</v>
      </c>
      <c r="H99" s="57" t="s">
        <v>69</v>
      </c>
      <c r="I99" s="56" t="s">
        <v>1977</v>
      </c>
      <c r="J99" s="56" t="s">
        <v>1978</v>
      </c>
      <c r="K99" s="55" t="s">
        <v>1979</v>
      </c>
      <c r="L99" s="57" t="s">
        <v>193</v>
      </c>
      <c r="N99" s="61" t="s">
        <v>12</v>
      </c>
      <c r="O99" s="60" t="s">
        <v>13</v>
      </c>
      <c r="P99" s="62" t="s">
        <v>1980</v>
      </c>
    </row>
    <row r="100" spans="1:16" ht="90">
      <c r="A100" s="13" t="s">
        <v>774</v>
      </c>
      <c r="B100" s="55" t="s">
        <v>172</v>
      </c>
      <c r="C100" s="56">
        <v>38.212000000000003</v>
      </c>
      <c r="D100" s="13" t="s">
        <v>275</v>
      </c>
      <c r="E100" s="13" t="s">
        <v>1871</v>
      </c>
      <c r="F100" s="3" t="s">
        <v>2327</v>
      </c>
      <c r="G100" s="56" t="s">
        <v>1981</v>
      </c>
      <c r="H100" s="16" t="s">
        <v>69</v>
      </c>
      <c r="I100" s="56" t="s">
        <v>1981</v>
      </c>
      <c r="J100" s="56" t="s">
        <v>1982</v>
      </c>
      <c r="K100" s="55" t="s">
        <v>1983</v>
      </c>
      <c r="L100" s="59" t="s">
        <v>193</v>
      </c>
      <c r="N100" s="60" t="s">
        <v>12</v>
      </c>
      <c r="O100" s="61" t="s">
        <v>13</v>
      </c>
      <c r="P100" s="13" t="s">
        <v>1984</v>
      </c>
    </row>
    <row r="101" spans="1:16" ht="138.75" customHeight="1">
      <c r="A101" s="13" t="s">
        <v>774</v>
      </c>
      <c r="B101" s="55" t="s">
        <v>175</v>
      </c>
      <c r="C101" s="56">
        <v>38.213999999999999</v>
      </c>
      <c r="D101" s="13" t="s">
        <v>278</v>
      </c>
      <c r="E101" s="55" t="s">
        <v>1769</v>
      </c>
      <c r="G101" s="55" t="s">
        <v>1985</v>
      </c>
      <c r="H101" s="57" t="s">
        <v>69</v>
      </c>
      <c r="I101" s="55" t="s">
        <v>1985</v>
      </c>
      <c r="J101" s="56" t="s">
        <v>1986</v>
      </c>
      <c r="K101" s="55" t="s">
        <v>1987</v>
      </c>
      <c r="L101" s="57" t="s">
        <v>193</v>
      </c>
      <c r="N101" s="58" t="s">
        <v>12</v>
      </c>
      <c r="O101" s="55" t="s">
        <v>13</v>
      </c>
      <c r="P101" s="56" t="s">
        <v>1988</v>
      </c>
    </row>
    <row r="102" spans="1:16" ht="90">
      <c r="A102" s="13" t="s">
        <v>774</v>
      </c>
      <c r="B102" s="55" t="s">
        <v>174</v>
      </c>
      <c r="C102" s="56">
        <v>38.213000000000001</v>
      </c>
      <c r="D102" s="13" t="s">
        <v>432</v>
      </c>
      <c r="E102" s="55" t="s">
        <v>1829</v>
      </c>
      <c r="F102" s="3" t="s">
        <v>2328</v>
      </c>
      <c r="G102" s="56" t="s">
        <v>1989</v>
      </c>
      <c r="H102" s="57" t="s">
        <v>69</v>
      </c>
      <c r="I102" s="55" t="s">
        <v>1989</v>
      </c>
      <c r="J102" s="56" t="s">
        <v>1990</v>
      </c>
      <c r="K102" s="55" t="s">
        <v>575</v>
      </c>
      <c r="L102" s="57" t="s">
        <v>193</v>
      </c>
      <c r="N102" s="55" t="s">
        <v>12</v>
      </c>
      <c r="O102" s="55" t="s">
        <v>13</v>
      </c>
      <c r="P102" s="56" t="s">
        <v>1991</v>
      </c>
    </row>
    <row r="103" spans="1:16" ht="54.75" customHeight="1">
      <c r="A103" s="13" t="s">
        <v>774</v>
      </c>
      <c r="B103" s="55" t="s">
        <v>417</v>
      </c>
      <c r="C103" s="56">
        <v>38.213999999999999</v>
      </c>
      <c r="D103" s="13" t="s">
        <v>1957</v>
      </c>
      <c r="E103" s="13" t="s">
        <v>1958</v>
      </c>
      <c r="F103" s="3" t="s">
        <v>2329</v>
      </c>
      <c r="G103" s="13" t="s">
        <v>1992</v>
      </c>
      <c r="H103" s="57" t="s">
        <v>69</v>
      </c>
      <c r="I103" s="13" t="s">
        <v>1992</v>
      </c>
      <c r="J103" s="13" t="s">
        <v>1993</v>
      </c>
      <c r="K103" s="55" t="s">
        <v>1961</v>
      </c>
      <c r="L103" s="57" t="s">
        <v>193</v>
      </c>
      <c r="N103" s="55" t="s">
        <v>12</v>
      </c>
      <c r="O103" s="55" t="s">
        <v>13</v>
      </c>
      <c r="P103" s="13" t="s">
        <v>1962</v>
      </c>
    </row>
    <row r="104" spans="1:16" ht="149.1" customHeight="1">
      <c r="A104" s="55" t="s">
        <v>774</v>
      </c>
      <c r="B104" s="55" t="s">
        <v>172</v>
      </c>
      <c r="C104" s="56">
        <v>38.212000000000003</v>
      </c>
      <c r="D104" s="55" t="s">
        <v>1994</v>
      </c>
      <c r="E104" s="55" t="s">
        <v>1970</v>
      </c>
      <c r="F104" s="73" t="s">
        <v>2330</v>
      </c>
      <c r="G104" s="55" t="s">
        <v>1995</v>
      </c>
      <c r="H104" s="55" t="s">
        <v>69</v>
      </c>
      <c r="I104" s="55" t="s">
        <v>1995</v>
      </c>
      <c r="J104" s="55" t="s">
        <v>1996</v>
      </c>
      <c r="K104" s="36" t="s">
        <v>1791</v>
      </c>
      <c r="L104" s="57" t="s">
        <v>193</v>
      </c>
      <c r="M104" s="55"/>
      <c r="N104" s="55" t="s">
        <v>12</v>
      </c>
      <c r="O104" s="55" t="s">
        <v>13</v>
      </c>
      <c r="P104" s="55" t="s">
        <v>1997</v>
      </c>
    </row>
    <row r="105" spans="1:16" ht="135.6" customHeight="1">
      <c r="A105" s="55" t="s">
        <v>774</v>
      </c>
      <c r="B105" s="55" t="s">
        <v>172</v>
      </c>
      <c r="C105" s="56">
        <v>38.212000000000003</v>
      </c>
      <c r="D105" s="55" t="s">
        <v>1998</v>
      </c>
      <c r="E105" s="55" t="s">
        <v>1756</v>
      </c>
      <c r="F105" s="73" t="s">
        <v>2331</v>
      </c>
      <c r="G105" s="55" t="s">
        <v>1999</v>
      </c>
      <c r="H105" s="55" t="s">
        <v>69</v>
      </c>
      <c r="I105" s="55" t="s">
        <v>1999</v>
      </c>
      <c r="J105" s="55" t="s">
        <v>2000</v>
      </c>
      <c r="K105" s="36" t="s">
        <v>1791</v>
      </c>
      <c r="L105" s="57" t="s">
        <v>193</v>
      </c>
      <c r="M105" s="55"/>
      <c r="N105" s="55" t="s">
        <v>12</v>
      </c>
      <c r="O105" s="55" t="s">
        <v>13</v>
      </c>
      <c r="P105" s="55" t="s">
        <v>2001</v>
      </c>
    </row>
    <row r="106" spans="1:16" ht="253.5" customHeight="1">
      <c r="A106" s="13" t="s">
        <v>774</v>
      </c>
      <c r="B106" s="55" t="s">
        <v>174</v>
      </c>
      <c r="C106" s="56">
        <v>38.213000000000001</v>
      </c>
      <c r="D106" s="55" t="s">
        <v>2002</v>
      </c>
      <c r="E106" s="13" t="s">
        <v>2003</v>
      </c>
      <c r="F106" s="3" t="s">
        <v>2332</v>
      </c>
      <c r="G106" s="13" t="s">
        <v>2004</v>
      </c>
      <c r="H106" s="57" t="s">
        <v>69</v>
      </c>
      <c r="I106" s="13" t="s">
        <v>2004</v>
      </c>
      <c r="J106" s="13" t="s">
        <v>2005</v>
      </c>
      <c r="K106" s="13" t="s">
        <v>2006</v>
      </c>
      <c r="L106" s="57" t="s">
        <v>193</v>
      </c>
      <c r="N106" s="55" t="s">
        <v>12</v>
      </c>
      <c r="O106" s="55" t="s">
        <v>13</v>
      </c>
      <c r="P106" s="13" t="s">
        <v>2007</v>
      </c>
    </row>
    <row r="107" spans="1:16" ht="91.35" customHeight="1">
      <c r="A107" s="45" t="s">
        <v>774</v>
      </c>
      <c r="B107" s="19" t="s">
        <v>1900</v>
      </c>
      <c r="C107" s="74">
        <v>38.213000000000001</v>
      </c>
      <c r="D107" s="17" t="s">
        <v>2008</v>
      </c>
      <c r="E107" s="17" t="s">
        <v>445</v>
      </c>
      <c r="F107" s="3" t="s">
        <v>2333</v>
      </c>
      <c r="G107" s="19" t="s">
        <v>2009</v>
      </c>
      <c r="H107" s="75" t="s">
        <v>69</v>
      </c>
      <c r="I107" s="19" t="s">
        <v>2009</v>
      </c>
      <c r="J107" s="17" t="s">
        <v>2010</v>
      </c>
      <c r="K107" s="17" t="s">
        <v>2011</v>
      </c>
      <c r="L107" s="76" t="s">
        <v>193</v>
      </c>
      <c r="M107" s="17"/>
      <c r="N107" s="77" t="s">
        <v>887</v>
      </c>
      <c r="O107" s="78" t="s">
        <v>13</v>
      </c>
      <c r="P107" s="17" t="s">
        <v>2334</v>
      </c>
    </row>
    <row r="108" spans="1:16" ht="107.85" customHeight="1">
      <c r="A108" s="17" t="s">
        <v>774</v>
      </c>
      <c r="B108" s="79" t="s">
        <v>417</v>
      </c>
      <c r="C108" s="74">
        <v>38.213999999999999</v>
      </c>
      <c r="D108" s="17" t="s">
        <v>1928</v>
      </c>
      <c r="E108" s="17" t="s">
        <v>437</v>
      </c>
      <c r="F108" s="3" t="s">
        <v>2335</v>
      </c>
      <c r="G108" s="17" t="s">
        <v>2012</v>
      </c>
      <c r="H108" s="75" t="s">
        <v>69</v>
      </c>
      <c r="I108" s="17" t="s">
        <v>2013</v>
      </c>
      <c r="J108" s="17" t="s">
        <v>2014</v>
      </c>
      <c r="K108" s="17" t="s">
        <v>2015</v>
      </c>
      <c r="L108" s="76" t="s">
        <v>2016</v>
      </c>
      <c r="M108" s="17"/>
      <c r="N108" s="77" t="s">
        <v>12</v>
      </c>
      <c r="O108" s="78" t="s">
        <v>13</v>
      </c>
      <c r="P108" s="17" t="s">
        <v>2017</v>
      </c>
    </row>
    <row r="109" spans="1:16" ht="71.25" customHeight="1">
      <c r="A109" s="17" t="s">
        <v>774</v>
      </c>
      <c r="B109" s="19" t="s">
        <v>174</v>
      </c>
      <c r="C109" s="74">
        <v>38.213000000000001</v>
      </c>
      <c r="D109" s="17" t="s">
        <v>2018</v>
      </c>
      <c r="E109" s="17" t="s">
        <v>2282</v>
      </c>
      <c r="F109" s="3" t="s">
        <v>2336</v>
      </c>
      <c r="G109" s="17" t="s">
        <v>2019</v>
      </c>
      <c r="H109" s="75" t="s">
        <v>69</v>
      </c>
      <c r="I109" s="17" t="s">
        <v>2019</v>
      </c>
      <c r="J109" s="17" t="s">
        <v>2020</v>
      </c>
      <c r="K109" s="19" t="s">
        <v>1791</v>
      </c>
      <c r="L109" s="76" t="s">
        <v>2021</v>
      </c>
      <c r="M109" s="17"/>
      <c r="N109" s="77" t="s">
        <v>12</v>
      </c>
      <c r="O109" s="78" t="s">
        <v>13</v>
      </c>
      <c r="P109" s="17" t="s">
        <v>2022</v>
      </c>
    </row>
  </sheetData>
  <autoFilter ref="A1:P109"/>
  <phoneticPr fontId="13" type="noConversion"/>
  <conditionalFormatting sqref="M1">
    <cfRule type="expression" dxfId="7" priority="1">
      <formula>#REF!="Capability"</formula>
    </cfRule>
  </conditionalFormatting>
  <pageMargins left="0.7" right="0.7" top="0.75" bottom="0.75" header="0.3" footer="0.3"/>
  <pageSetup orientation="portrait"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59"/>
  <sheetViews>
    <sheetView zoomScale="110" zoomScaleNormal="110" workbookViewId="0">
      <pane xSplit="7" ySplit="1" topLeftCell="H2" activePane="bottomRight" state="frozen"/>
      <selection pane="topRight" activeCell="G1" sqref="G1"/>
      <selection pane="bottomLeft" activeCell="A2" sqref="A2"/>
      <selection pane="bottomRight" activeCell="E61" sqref="E61"/>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9.375" style="13" customWidth="1"/>
    <col min="6" max="6" width="22.125" style="13" customWidth="1"/>
    <col min="7" max="7" width="42"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2464</v>
      </c>
      <c r="F1" s="1" t="s">
        <v>2465</v>
      </c>
      <c r="G1" s="1" t="s">
        <v>4</v>
      </c>
      <c r="H1" s="1" t="s">
        <v>5</v>
      </c>
      <c r="I1" s="1" t="s">
        <v>6</v>
      </c>
      <c r="J1" s="1" t="s">
        <v>10</v>
      </c>
      <c r="K1" s="1" t="s">
        <v>7</v>
      </c>
      <c r="L1" s="1" t="s">
        <v>268</v>
      </c>
      <c r="M1" s="2" t="s">
        <v>34</v>
      </c>
      <c r="N1" s="1" t="s">
        <v>35</v>
      </c>
      <c r="O1" s="1" t="s">
        <v>8</v>
      </c>
      <c r="P1" s="1" t="s">
        <v>11</v>
      </c>
    </row>
    <row r="2" spans="1:16" s="10" customFormat="1" ht="35.25" customHeight="1">
      <c r="A2" s="10" t="s">
        <v>775</v>
      </c>
      <c r="B2" s="10" t="s">
        <v>585</v>
      </c>
      <c r="E2" s="10" t="s">
        <v>2466</v>
      </c>
      <c r="F2" s="10" t="s">
        <v>2467</v>
      </c>
      <c r="G2" s="10" t="s">
        <v>118</v>
      </c>
      <c r="H2" s="10" t="s">
        <v>15</v>
      </c>
      <c r="J2" s="10" t="s">
        <v>1546</v>
      </c>
      <c r="K2" s="10" t="s">
        <v>27</v>
      </c>
      <c r="M2" s="10" t="s">
        <v>125</v>
      </c>
      <c r="N2" s="10" t="s">
        <v>127</v>
      </c>
    </row>
    <row r="3" spans="1:16" s="10" customFormat="1" ht="48.75" customHeight="1">
      <c r="A3" s="10" t="s">
        <v>775</v>
      </c>
      <c r="B3" s="10" t="s">
        <v>585</v>
      </c>
      <c r="E3" s="10" t="s">
        <v>2468</v>
      </c>
      <c r="F3" s="10" t="s">
        <v>2469</v>
      </c>
      <c r="G3" s="10" t="s">
        <v>119</v>
      </c>
      <c r="H3" s="10" t="s">
        <v>15</v>
      </c>
      <c r="J3" s="10" t="s">
        <v>1547</v>
      </c>
      <c r="K3" s="10" t="s">
        <v>27</v>
      </c>
      <c r="M3" s="10" t="s">
        <v>126</v>
      </c>
      <c r="N3" s="10" t="s">
        <v>127</v>
      </c>
    </row>
    <row r="4" spans="1:16" s="10" customFormat="1" ht="51" customHeight="1">
      <c r="A4" s="10" t="s">
        <v>775</v>
      </c>
      <c r="B4" s="10" t="s">
        <v>585</v>
      </c>
      <c r="E4" s="10" t="s">
        <v>2470</v>
      </c>
      <c r="F4" s="10" t="s">
        <v>2471</v>
      </c>
      <c r="G4" s="10" t="s">
        <v>120</v>
      </c>
      <c r="H4" s="10" t="s">
        <v>15</v>
      </c>
      <c r="J4" s="10" t="s">
        <v>1548</v>
      </c>
      <c r="K4" s="10" t="s">
        <v>27</v>
      </c>
      <c r="M4" s="10" t="s">
        <v>126</v>
      </c>
      <c r="N4" s="10" t="s">
        <v>127</v>
      </c>
    </row>
    <row r="5" spans="1:16" s="10" customFormat="1" ht="39" customHeight="1">
      <c r="A5" s="10" t="s">
        <v>775</v>
      </c>
      <c r="B5" s="10" t="s">
        <v>585</v>
      </c>
      <c r="E5" s="10" t="s">
        <v>2471</v>
      </c>
      <c r="F5" s="10" t="s">
        <v>2472</v>
      </c>
      <c r="G5" s="10" t="s">
        <v>121</v>
      </c>
      <c r="H5" s="10" t="s">
        <v>15</v>
      </c>
      <c r="J5" s="10" t="s">
        <v>1549</v>
      </c>
      <c r="K5" s="10" t="s">
        <v>124</v>
      </c>
      <c r="M5" s="10" t="s">
        <v>126</v>
      </c>
      <c r="N5" s="10" t="s">
        <v>127</v>
      </c>
      <c r="P5" s="10" t="s">
        <v>129</v>
      </c>
    </row>
    <row r="6" spans="1:16" s="10" customFormat="1" ht="33.75">
      <c r="A6" s="10" t="s">
        <v>775</v>
      </c>
      <c r="B6" s="10" t="s">
        <v>585</v>
      </c>
      <c r="E6" s="10" t="s">
        <v>2471</v>
      </c>
      <c r="F6" s="10" t="s">
        <v>2473</v>
      </c>
      <c r="G6" s="10" t="s">
        <v>122</v>
      </c>
      <c r="H6" s="10" t="s">
        <v>15</v>
      </c>
      <c r="J6" s="10" t="s">
        <v>1549</v>
      </c>
      <c r="K6" s="10" t="s">
        <v>124</v>
      </c>
      <c r="M6" s="10" t="s">
        <v>126</v>
      </c>
      <c r="N6" s="10" t="s">
        <v>127</v>
      </c>
      <c r="P6" s="10" t="s">
        <v>129</v>
      </c>
    </row>
    <row r="7" spans="1:16" s="10" customFormat="1" ht="44.25" customHeight="1">
      <c r="A7" s="10" t="s">
        <v>775</v>
      </c>
      <c r="B7" s="10" t="s">
        <v>585</v>
      </c>
      <c r="E7" s="10" t="s">
        <v>443</v>
      </c>
      <c r="F7" s="10" t="s">
        <v>2474</v>
      </c>
      <c r="G7" s="10" t="s">
        <v>123</v>
      </c>
      <c r="H7" s="10" t="s">
        <v>15</v>
      </c>
      <c r="J7" s="10" t="s">
        <v>2475</v>
      </c>
      <c r="K7" s="10" t="s">
        <v>27</v>
      </c>
      <c r="M7" s="10" t="s">
        <v>126</v>
      </c>
      <c r="N7" s="10" t="s">
        <v>127</v>
      </c>
      <c r="P7" s="10" t="s">
        <v>128</v>
      </c>
    </row>
    <row r="8" spans="1:16" s="10" customFormat="1" ht="22.5">
      <c r="A8" s="10" t="s">
        <v>775</v>
      </c>
      <c r="B8" s="10" t="s">
        <v>586</v>
      </c>
      <c r="E8" s="10" t="s">
        <v>2476</v>
      </c>
      <c r="F8" s="10" t="s">
        <v>2477</v>
      </c>
      <c r="G8" s="10" t="s">
        <v>130</v>
      </c>
      <c r="H8" s="10" t="s">
        <v>15</v>
      </c>
      <c r="J8" s="10" t="s">
        <v>589</v>
      </c>
      <c r="K8" s="10" t="s">
        <v>299</v>
      </c>
      <c r="M8" s="10" t="s">
        <v>126</v>
      </c>
      <c r="N8" s="10" t="s">
        <v>127</v>
      </c>
    </row>
    <row r="9" spans="1:16" s="10" customFormat="1" ht="45">
      <c r="A9" s="10" t="s">
        <v>775</v>
      </c>
      <c r="B9" s="10" t="s">
        <v>586</v>
      </c>
      <c r="E9" s="10" t="s">
        <v>2477</v>
      </c>
      <c r="F9" s="10" t="s">
        <v>2478</v>
      </c>
      <c r="G9" s="10" t="s">
        <v>587</v>
      </c>
      <c r="H9" s="10" t="s">
        <v>15</v>
      </c>
      <c r="J9" s="10" t="s">
        <v>590</v>
      </c>
      <c r="K9" s="10" t="s">
        <v>588</v>
      </c>
      <c r="M9" s="10" t="s">
        <v>126</v>
      </c>
      <c r="N9" s="10" t="s">
        <v>127</v>
      </c>
      <c r="P9" s="10" t="s">
        <v>591</v>
      </c>
    </row>
    <row r="10" spans="1:16" s="10" customFormat="1" ht="22.5">
      <c r="A10" s="10" t="s">
        <v>775</v>
      </c>
      <c r="B10" s="10" t="s">
        <v>592</v>
      </c>
      <c r="E10" s="10" t="s">
        <v>2479</v>
      </c>
      <c r="F10" s="10" t="s">
        <v>2480</v>
      </c>
      <c r="G10" s="10" t="s">
        <v>1390</v>
      </c>
      <c r="H10" s="10" t="s">
        <v>15</v>
      </c>
      <c r="J10" s="10" t="s">
        <v>137</v>
      </c>
      <c r="K10" s="10" t="s">
        <v>135</v>
      </c>
      <c r="M10" s="10" t="s">
        <v>596</v>
      </c>
      <c r="N10" s="10" t="s">
        <v>127</v>
      </c>
      <c r="P10" s="10" t="s">
        <v>1550</v>
      </c>
    </row>
    <row r="11" spans="1:16" s="10" customFormat="1" ht="29.25" customHeight="1">
      <c r="A11" s="10" t="s">
        <v>775</v>
      </c>
      <c r="B11" s="10" t="s">
        <v>592</v>
      </c>
      <c r="E11" s="10" t="s">
        <v>2479</v>
      </c>
      <c r="F11" s="10" t="s">
        <v>2481</v>
      </c>
      <c r="G11" s="10" t="s">
        <v>1391</v>
      </c>
      <c r="H11" s="10" t="s">
        <v>15</v>
      </c>
      <c r="J11" s="10" t="s">
        <v>138</v>
      </c>
      <c r="K11" s="10" t="s">
        <v>136</v>
      </c>
      <c r="M11" s="10" t="s">
        <v>596</v>
      </c>
      <c r="N11" s="10" t="s">
        <v>127</v>
      </c>
      <c r="P11" s="10" t="s">
        <v>2482</v>
      </c>
    </row>
    <row r="12" spans="1:16" s="10" customFormat="1" ht="33.75">
      <c r="A12" s="10" t="s">
        <v>775</v>
      </c>
      <c r="B12" s="10" t="s">
        <v>592</v>
      </c>
      <c r="E12" s="10" t="s">
        <v>2479</v>
      </c>
      <c r="F12" s="10" t="s">
        <v>2483</v>
      </c>
      <c r="G12" s="10" t="s">
        <v>131</v>
      </c>
      <c r="H12" s="10" t="s">
        <v>594</v>
      </c>
      <c r="J12" s="10" t="s">
        <v>597</v>
      </c>
      <c r="K12" s="10" t="s">
        <v>595</v>
      </c>
      <c r="M12" s="10" t="s">
        <v>596</v>
      </c>
      <c r="N12" s="10" t="s">
        <v>127</v>
      </c>
      <c r="P12" s="10" t="s">
        <v>1551</v>
      </c>
    </row>
    <row r="13" spans="1:16" s="10" customFormat="1" ht="22.5">
      <c r="A13" s="10" t="s">
        <v>775</v>
      </c>
      <c r="B13" s="10" t="s">
        <v>592</v>
      </c>
      <c r="E13" s="10" t="s">
        <v>2479</v>
      </c>
      <c r="F13" s="10" t="s">
        <v>2484</v>
      </c>
      <c r="G13" s="10" t="s">
        <v>1392</v>
      </c>
      <c r="H13" s="10" t="s">
        <v>2485</v>
      </c>
      <c r="J13" s="10" t="s">
        <v>139</v>
      </c>
      <c r="K13" s="10" t="s">
        <v>133</v>
      </c>
      <c r="M13" s="10" t="s">
        <v>596</v>
      </c>
      <c r="N13" s="10" t="s">
        <v>127</v>
      </c>
      <c r="P13" s="10" t="s">
        <v>1551</v>
      </c>
    </row>
    <row r="14" spans="1:16" s="10" customFormat="1" ht="27" customHeight="1">
      <c r="A14" s="10" t="s">
        <v>775</v>
      </c>
      <c r="B14" s="10" t="s">
        <v>592</v>
      </c>
      <c r="E14" s="10" t="s">
        <v>2479</v>
      </c>
      <c r="F14" s="10" t="s">
        <v>593</v>
      </c>
      <c r="G14" s="10" t="s">
        <v>593</v>
      </c>
      <c r="H14" s="10" t="s">
        <v>594</v>
      </c>
      <c r="J14" s="10" t="s">
        <v>598</v>
      </c>
      <c r="K14" s="10" t="s">
        <v>1552</v>
      </c>
      <c r="M14" s="10" t="s">
        <v>596</v>
      </c>
      <c r="N14" s="10" t="s">
        <v>127</v>
      </c>
      <c r="P14" s="10" t="s">
        <v>141</v>
      </c>
    </row>
    <row r="15" spans="1:16" s="10" customFormat="1" ht="22.5">
      <c r="A15" s="10" t="s">
        <v>775</v>
      </c>
      <c r="B15" s="10" t="s">
        <v>592</v>
      </c>
      <c r="E15" s="10" t="s">
        <v>2486</v>
      </c>
      <c r="F15" s="10" t="s">
        <v>2487</v>
      </c>
      <c r="G15" s="10" t="s">
        <v>1393</v>
      </c>
      <c r="H15" s="10" t="s">
        <v>2485</v>
      </c>
      <c r="J15" s="10" t="s">
        <v>599</v>
      </c>
      <c r="K15" s="10" t="s">
        <v>133</v>
      </c>
      <c r="M15" s="10" t="s">
        <v>596</v>
      </c>
      <c r="N15" s="10" t="s">
        <v>127</v>
      </c>
      <c r="P15" s="10" t="s">
        <v>1553</v>
      </c>
    </row>
    <row r="16" spans="1:16" s="10" customFormat="1" ht="22.5">
      <c r="A16" s="10" t="s">
        <v>775</v>
      </c>
      <c r="B16" s="10" t="s">
        <v>592</v>
      </c>
      <c r="E16" s="10" t="s">
        <v>2486</v>
      </c>
      <c r="F16" s="10" t="s">
        <v>2488</v>
      </c>
      <c r="G16" s="10" t="s">
        <v>132</v>
      </c>
      <c r="H16" s="10" t="s">
        <v>594</v>
      </c>
      <c r="J16" s="10" t="s">
        <v>140</v>
      </c>
      <c r="K16" s="10" t="s">
        <v>134</v>
      </c>
      <c r="M16" s="10" t="s">
        <v>596</v>
      </c>
      <c r="N16" s="10" t="s">
        <v>127</v>
      </c>
      <c r="P16" s="10" t="s">
        <v>1553</v>
      </c>
    </row>
    <row r="17" spans="1:16" s="10" customFormat="1" ht="85.5" customHeight="1">
      <c r="A17" s="10" t="s">
        <v>775</v>
      </c>
      <c r="B17" s="10" t="s">
        <v>600</v>
      </c>
      <c r="F17" s="3" t="s">
        <v>2489</v>
      </c>
      <c r="G17" s="10" t="s">
        <v>142</v>
      </c>
      <c r="H17" s="10" t="s">
        <v>148</v>
      </c>
      <c r="J17" s="20" t="s">
        <v>611</v>
      </c>
      <c r="K17" s="10" t="s">
        <v>145</v>
      </c>
      <c r="M17" s="10" t="s">
        <v>125</v>
      </c>
      <c r="N17" s="10" t="s">
        <v>127</v>
      </c>
    </row>
    <row r="18" spans="1:16" s="10" customFormat="1" ht="81.75" customHeight="1">
      <c r="A18" s="10" t="s">
        <v>775</v>
      </c>
      <c r="B18" s="10" t="s">
        <v>600</v>
      </c>
      <c r="F18" s="3" t="s">
        <v>2489</v>
      </c>
      <c r="G18" s="10" t="s">
        <v>143</v>
      </c>
      <c r="H18" s="10" t="s">
        <v>148</v>
      </c>
      <c r="J18" s="20" t="s">
        <v>611</v>
      </c>
      <c r="K18" s="10" t="s">
        <v>146</v>
      </c>
      <c r="M18" s="10" t="s">
        <v>125</v>
      </c>
      <c r="N18" s="10" t="s">
        <v>127</v>
      </c>
    </row>
    <row r="19" spans="1:16" s="10" customFormat="1" ht="106.5" customHeight="1">
      <c r="A19" s="10" t="s">
        <v>775</v>
      </c>
      <c r="B19" s="10" t="s">
        <v>600</v>
      </c>
      <c r="E19" s="10" t="s">
        <v>440</v>
      </c>
      <c r="F19" s="10" t="s">
        <v>2490</v>
      </c>
      <c r="G19" s="10" t="s">
        <v>601</v>
      </c>
      <c r="H19" s="10" t="s">
        <v>69</v>
      </c>
      <c r="J19" s="10" t="s">
        <v>2491</v>
      </c>
      <c r="K19" s="10" t="s">
        <v>606</v>
      </c>
      <c r="M19" s="10" t="s">
        <v>150</v>
      </c>
      <c r="N19" s="10" t="s">
        <v>127</v>
      </c>
      <c r="P19" s="10" t="s">
        <v>1210</v>
      </c>
    </row>
    <row r="20" spans="1:16" s="10" customFormat="1" ht="123.75" customHeight="1">
      <c r="A20" s="10" t="s">
        <v>775</v>
      </c>
      <c r="B20" s="10" t="s">
        <v>600</v>
      </c>
      <c r="E20" s="10" t="s">
        <v>2081</v>
      </c>
      <c r="F20" s="10" t="s">
        <v>2492</v>
      </c>
      <c r="G20" s="10" t="s">
        <v>144</v>
      </c>
      <c r="H20" s="10" t="s">
        <v>149</v>
      </c>
      <c r="J20" s="10" t="s">
        <v>2493</v>
      </c>
      <c r="K20" s="10" t="s">
        <v>147</v>
      </c>
      <c r="M20" s="10" t="s">
        <v>125</v>
      </c>
      <c r="N20" s="10" t="s">
        <v>127</v>
      </c>
      <c r="P20" s="10" t="s">
        <v>2494</v>
      </c>
    </row>
    <row r="21" spans="1:16" s="20" customFormat="1" ht="33.75">
      <c r="A21" s="20" t="s">
        <v>775</v>
      </c>
      <c r="B21" s="20" t="s">
        <v>600</v>
      </c>
      <c r="G21" s="20" t="s">
        <v>605</v>
      </c>
      <c r="H21" s="20" t="s">
        <v>69</v>
      </c>
      <c r="J21" s="20" t="s">
        <v>612</v>
      </c>
      <c r="K21" s="20" t="s">
        <v>191</v>
      </c>
      <c r="M21" s="20" t="s">
        <v>609</v>
      </c>
      <c r="N21" s="20" t="s">
        <v>127</v>
      </c>
      <c r="P21" s="20" t="s">
        <v>613</v>
      </c>
    </row>
    <row r="22" spans="1:16" s="10" customFormat="1" ht="105" customHeight="1">
      <c r="A22" s="10" t="s">
        <v>775</v>
      </c>
      <c r="B22" s="10" t="s">
        <v>600</v>
      </c>
      <c r="E22" s="10" t="s">
        <v>727</v>
      </c>
      <c r="F22" s="10" t="s">
        <v>2495</v>
      </c>
      <c r="G22" s="10" t="s">
        <v>602</v>
      </c>
      <c r="H22" s="10" t="s">
        <v>69</v>
      </c>
      <c r="J22" s="10" t="s">
        <v>2496</v>
      </c>
      <c r="K22" s="10" t="s">
        <v>2497</v>
      </c>
      <c r="M22" s="10" t="s">
        <v>1422</v>
      </c>
      <c r="N22" s="10" t="s">
        <v>127</v>
      </c>
      <c r="P22" s="10" t="s">
        <v>2498</v>
      </c>
    </row>
    <row r="23" spans="1:16" s="10" customFormat="1" ht="115.5" customHeight="1">
      <c r="A23" s="10" t="s">
        <v>775</v>
      </c>
      <c r="B23" s="10" t="s">
        <v>600</v>
      </c>
      <c r="E23" s="10" t="s">
        <v>445</v>
      </c>
      <c r="F23" s="10" t="s">
        <v>2499</v>
      </c>
      <c r="G23" s="10" t="s">
        <v>603</v>
      </c>
      <c r="H23" s="10" t="s">
        <v>69</v>
      </c>
      <c r="J23" s="10" t="s">
        <v>2500</v>
      </c>
      <c r="K23" s="10" t="s">
        <v>607</v>
      </c>
      <c r="M23" s="10" t="s">
        <v>2501</v>
      </c>
      <c r="N23" s="10" t="s">
        <v>127</v>
      </c>
      <c r="P23" s="10" t="s">
        <v>2502</v>
      </c>
    </row>
    <row r="24" spans="1:16" s="10" customFormat="1" ht="52.5" customHeight="1">
      <c r="A24" s="10" t="s">
        <v>775</v>
      </c>
      <c r="B24" s="10" t="s">
        <v>600</v>
      </c>
      <c r="E24" s="10" t="s">
        <v>445</v>
      </c>
      <c r="F24" s="10" t="s">
        <v>2503</v>
      </c>
      <c r="G24" s="10" t="s">
        <v>604</v>
      </c>
      <c r="H24" s="10" t="s">
        <v>69</v>
      </c>
      <c r="J24" s="10" t="s">
        <v>2504</v>
      </c>
      <c r="K24" s="10" t="s">
        <v>608</v>
      </c>
      <c r="M24" s="10" t="s">
        <v>610</v>
      </c>
      <c r="N24" s="10" t="s">
        <v>127</v>
      </c>
      <c r="P24" s="10" t="s">
        <v>1211</v>
      </c>
    </row>
    <row r="25" spans="1:16" s="10" customFormat="1" ht="98.25" customHeight="1">
      <c r="A25" s="10" t="s">
        <v>775</v>
      </c>
      <c r="B25" s="10" t="s">
        <v>600</v>
      </c>
      <c r="E25" s="10" t="s">
        <v>2505</v>
      </c>
      <c r="F25" s="10" t="s">
        <v>614</v>
      </c>
      <c r="G25" s="10" t="s">
        <v>614</v>
      </c>
      <c r="H25" s="10" t="s">
        <v>69</v>
      </c>
      <c r="J25" s="10" t="s">
        <v>2506</v>
      </c>
      <c r="K25" s="10" t="s">
        <v>618</v>
      </c>
      <c r="M25" s="10" t="s">
        <v>622</v>
      </c>
      <c r="N25" s="10" t="s">
        <v>127</v>
      </c>
      <c r="P25" s="10" t="s">
        <v>624</v>
      </c>
    </row>
    <row r="26" spans="1:16" s="10" customFormat="1" ht="138.75" customHeight="1">
      <c r="A26" s="10" t="s">
        <v>775</v>
      </c>
      <c r="B26" s="10" t="s">
        <v>600</v>
      </c>
      <c r="E26" s="10" t="s">
        <v>2507</v>
      </c>
      <c r="F26" s="10" t="s">
        <v>2508</v>
      </c>
      <c r="G26" s="10" t="s">
        <v>615</v>
      </c>
      <c r="H26" s="10" t="s">
        <v>69</v>
      </c>
      <c r="J26" s="10" t="s">
        <v>2509</v>
      </c>
      <c r="K26" s="10" t="s">
        <v>619</v>
      </c>
      <c r="M26" s="10" t="s">
        <v>125</v>
      </c>
      <c r="N26" s="10" t="s">
        <v>127</v>
      </c>
      <c r="P26" s="10" t="s">
        <v>1212</v>
      </c>
    </row>
    <row r="27" spans="1:16" s="10" customFormat="1" ht="133.5" customHeight="1">
      <c r="A27" s="10" t="s">
        <v>775</v>
      </c>
      <c r="B27" s="10" t="s">
        <v>600</v>
      </c>
      <c r="E27" s="10" t="s">
        <v>2510</v>
      </c>
      <c r="F27" s="10" t="s">
        <v>2511</v>
      </c>
      <c r="G27" s="10" t="s">
        <v>2512</v>
      </c>
      <c r="H27" s="10" t="s">
        <v>69</v>
      </c>
      <c r="J27" s="10" t="s">
        <v>2513</v>
      </c>
      <c r="K27" s="10" t="s">
        <v>2514</v>
      </c>
      <c r="M27" s="10" t="s">
        <v>623</v>
      </c>
      <c r="N27" s="10" t="s">
        <v>127</v>
      </c>
      <c r="P27" s="10" t="s">
        <v>1213</v>
      </c>
    </row>
    <row r="28" spans="1:16" s="10" customFormat="1" ht="138" customHeight="1">
      <c r="A28" s="10" t="s">
        <v>775</v>
      </c>
      <c r="B28" s="10" t="s">
        <v>600</v>
      </c>
      <c r="E28" s="10" t="s">
        <v>2515</v>
      </c>
      <c r="F28" s="10" t="s">
        <v>2516</v>
      </c>
      <c r="G28" s="10" t="s">
        <v>616</v>
      </c>
      <c r="H28" s="10" t="s">
        <v>69</v>
      </c>
      <c r="J28" s="10" t="s">
        <v>2517</v>
      </c>
      <c r="K28" s="10" t="s">
        <v>2518</v>
      </c>
      <c r="M28" s="10" t="s">
        <v>125</v>
      </c>
      <c r="N28" s="10" t="s">
        <v>127</v>
      </c>
      <c r="P28" s="10" t="s">
        <v>2519</v>
      </c>
    </row>
    <row r="29" spans="1:16" s="10" customFormat="1" ht="95.25" customHeight="1">
      <c r="A29" s="10" t="s">
        <v>775</v>
      </c>
      <c r="B29" s="10" t="s">
        <v>600</v>
      </c>
      <c r="E29" s="10" t="s">
        <v>2515</v>
      </c>
      <c r="F29" s="10" t="s">
        <v>2520</v>
      </c>
      <c r="G29" s="10" t="s">
        <v>2521</v>
      </c>
      <c r="H29" s="10" t="s">
        <v>69</v>
      </c>
      <c r="J29" s="10" t="s">
        <v>2522</v>
      </c>
      <c r="K29" s="10" t="s">
        <v>2523</v>
      </c>
      <c r="M29" s="10" t="s">
        <v>125</v>
      </c>
      <c r="N29" s="10" t="s">
        <v>127</v>
      </c>
      <c r="P29" s="10" t="s">
        <v>2524</v>
      </c>
    </row>
    <row r="30" spans="1:16" s="10" customFormat="1" ht="107.25" customHeight="1">
      <c r="A30" s="10" t="s">
        <v>775</v>
      </c>
      <c r="B30" s="10" t="s">
        <v>600</v>
      </c>
      <c r="E30" s="10" t="s">
        <v>2507</v>
      </c>
      <c r="F30" s="10" t="s">
        <v>2525</v>
      </c>
      <c r="G30" s="10" t="s">
        <v>617</v>
      </c>
      <c r="H30" s="10" t="s">
        <v>69</v>
      </c>
      <c r="J30" s="10" t="s">
        <v>2526</v>
      </c>
      <c r="K30" s="10" t="s">
        <v>620</v>
      </c>
      <c r="M30" s="10" t="s">
        <v>621</v>
      </c>
      <c r="N30" s="10" t="s">
        <v>127</v>
      </c>
      <c r="P30" s="10" t="s">
        <v>1423</v>
      </c>
    </row>
    <row r="31" spans="1:16" s="10" customFormat="1" ht="45">
      <c r="A31" s="10" t="s">
        <v>775</v>
      </c>
      <c r="B31" s="10" t="s">
        <v>625</v>
      </c>
      <c r="E31" s="10" t="s">
        <v>2527</v>
      </c>
      <c r="F31" s="3" t="s">
        <v>2489</v>
      </c>
      <c r="G31" s="10" t="s">
        <v>151</v>
      </c>
      <c r="H31" s="10" t="s">
        <v>166</v>
      </c>
      <c r="J31" s="10" t="s">
        <v>168</v>
      </c>
      <c r="K31" s="10" t="s">
        <v>636</v>
      </c>
      <c r="M31" s="10" t="s">
        <v>167</v>
      </c>
      <c r="N31" s="10" t="s">
        <v>657</v>
      </c>
    </row>
    <row r="32" spans="1:16" s="10" customFormat="1" ht="45">
      <c r="A32" s="10" t="s">
        <v>775</v>
      </c>
      <c r="B32" s="10" t="s">
        <v>625</v>
      </c>
      <c r="E32" s="10" t="s">
        <v>2527</v>
      </c>
      <c r="F32" s="3" t="s">
        <v>2489</v>
      </c>
      <c r="G32" s="10" t="s">
        <v>152</v>
      </c>
      <c r="H32" s="10" t="s">
        <v>166</v>
      </c>
      <c r="J32" s="10" t="s">
        <v>168</v>
      </c>
      <c r="K32" s="10" t="s">
        <v>636</v>
      </c>
      <c r="M32" s="10" t="s">
        <v>167</v>
      </c>
      <c r="N32" s="10" t="s">
        <v>657</v>
      </c>
    </row>
    <row r="33" spans="1:16" s="10" customFormat="1" ht="45">
      <c r="A33" s="10" t="s">
        <v>775</v>
      </c>
      <c r="B33" s="10" t="s">
        <v>625</v>
      </c>
      <c r="E33" s="10" t="s">
        <v>2527</v>
      </c>
      <c r="F33" s="10" t="s">
        <v>626</v>
      </c>
      <c r="G33" s="10" t="s">
        <v>626</v>
      </c>
      <c r="H33" s="10" t="s">
        <v>645</v>
      </c>
      <c r="J33" s="10" t="s">
        <v>646</v>
      </c>
      <c r="K33" s="10" t="s">
        <v>637</v>
      </c>
      <c r="M33" s="10" t="s">
        <v>167</v>
      </c>
      <c r="N33" s="10" t="s">
        <v>657</v>
      </c>
    </row>
    <row r="34" spans="1:16" s="10" customFormat="1" ht="135" customHeight="1">
      <c r="A34" s="10" t="s">
        <v>775</v>
      </c>
      <c r="B34" s="10" t="s">
        <v>625</v>
      </c>
      <c r="E34" s="10" t="s">
        <v>2528</v>
      </c>
      <c r="F34" s="10" t="s">
        <v>2529</v>
      </c>
      <c r="G34" s="10" t="s">
        <v>1554</v>
      </c>
      <c r="H34" s="10" t="s">
        <v>645</v>
      </c>
      <c r="J34" s="10" t="s">
        <v>647</v>
      </c>
      <c r="K34" s="10" t="s">
        <v>638</v>
      </c>
      <c r="M34" s="10" t="s">
        <v>1555</v>
      </c>
      <c r="N34" s="10" t="s">
        <v>127</v>
      </c>
    </row>
    <row r="35" spans="1:16" s="10" customFormat="1" ht="33.75">
      <c r="A35" s="10" t="s">
        <v>775</v>
      </c>
      <c r="B35" s="10" t="s">
        <v>625</v>
      </c>
      <c r="E35" s="10" t="s">
        <v>2530</v>
      </c>
      <c r="F35" s="10" t="s">
        <v>2531</v>
      </c>
      <c r="G35" s="10" t="s">
        <v>627</v>
      </c>
      <c r="H35" s="10" t="s">
        <v>645</v>
      </c>
      <c r="J35" s="10" t="s">
        <v>648</v>
      </c>
      <c r="K35" s="10" t="s">
        <v>639</v>
      </c>
      <c r="M35" s="10" t="s">
        <v>267</v>
      </c>
      <c r="N35" s="10" t="s">
        <v>127</v>
      </c>
      <c r="P35" s="10" t="s">
        <v>661</v>
      </c>
    </row>
    <row r="36" spans="1:16" s="10" customFormat="1" ht="39" customHeight="1">
      <c r="A36" s="10" t="s">
        <v>775</v>
      </c>
      <c r="B36" s="10" t="s">
        <v>625</v>
      </c>
      <c r="E36" s="10" t="s">
        <v>2530</v>
      </c>
      <c r="F36" s="10" t="s">
        <v>2532</v>
      </c>
      <c r="G36" s="10" t="s">
        <v>628</v>
      </c>
      <c r="H36" s="10" t="s">
        <v>645</v>
      </c>
      <c r="J36" s="10" t="s">
        <v>649</v>
      </c>
      <c r="K36" s="10" t="s">
        <v>640</v>
      </c>
      <c r="M36" s="10" t="s">
        <v>658</v>
      </c>
      <c r="N36" s="10" t="s">
        <v>127</v>
      </c>
      <c r="P36" s="10" t="s">
        <v>658</v>
      </c>
    </row>
    <row r="37" spans="1:16" s="10" customFormat="1" ht="22.5">
      <c r="A37" s="10" t="s">
        <v>775</v>
      </c>
      <c r="B37" s="10" t="s">
        <v>625</v>
      </c>
      <c r="E37" s="10" t="s">
        <v>2530</v>
      </c>
      <c r="F37" s="10" t="s">
        <v>2532</v>
      </c>
      <c r="G37" s="10" t="s">
        <v>629</v>
      </c>
      <c r="H37" s="10" t="s">
        <v>645</v>
      </c>
      <c r="J37" s="10" t="s">
        <v>650</v>
      </c>
      <c r="K37" s="10" t="s">
        <v>642</v>
      </c>
      <c r="M37" s="10" t="s">
        <v>167</v>
      </c>
      <c r="N37" s="10" t="s">
        <v>127</v>
      </c>
    </row>
    <row r="38" spans="1:16" s="10" customFormat="1" ht="33.75">
      <c r="A38" s="10" t="s">
        <v>775</v>
      </c>
      <c r="B38" s="10" t="s">
        <v>625</v>
      </c>
      <c r="E38" s="10" t="s">
        <v>2530</v>
      </c>
      <c r="F38" s="10" t="s">
        <v>2533</v>
      </c>
      <c r="G38" s="10" t="s">
        <v>630</v>
      </c>
      <c r="H38" s="10" t="s">
        <v>645</v>
      </c>
      <c r="J38" s="10" t="s">
        <v>651</v>
      </c>
      <c r="K38" s="10" t="s">
        <v>639</v>
      </c>
      <c r="M38" s="10" t="s">
        <v>267</v>
      </c>
      <c r="N38" s="10" t="s">
        <v>127</v>
      </c>
      <c r="P38" s="10" t="s">
        <v>661</v>
      </c>
    </row>
    <row r="39" spans="1:16" s="10" customFormat="1" ht="33.75">
      <c r="A39" s="10" t="s">
        <v>775</v>
      </c>
      <c r="B39" s="10" t="s">
        <v>625</v>
      </c>
      <c r="E39" s="10" t="s">
        <v>2530</v>
      </c>
      <c r="F39" s="10" t="s">
        <v>2534</v>
      </c>
      <c r="G39" s="10" t="s">
        <v>631</v>
      </c>
      <c r="H39" s="10" t="s">
        <v>645</v>
      </c>
      <c r="J39" s="10" t="s">
        <v>652</v>
      </c>
      <c r="K39" s="10" t="s">
        <v>641</v>
      </c>
      <c r="M39" s="10" t="s">
        <v>659</v>
      </c>
      <c r="N39" s="10" t="s">
        <v>127</v>
      </c>
      <c r="P39" s="10" t="s">
        <v>659</v>
      </c>
    </row>
    <row r="40" spans="1:16" s="10" customFormat="1" ht="22.5">
      <c r="A40" s="10" t="s">
        <v>775</v>
      </c>
      <c r="B40" s="10" t="s">
        <v>625</v>
      </c>
      <c r="E40" s="10" t="s">
        <v>2530</v>
      </c>
      <c r="F40" s="10" t="s">
        <v>2534</v>
      </c>
      <c r="G40" s="10" t="s">
        <v>632</v>
      </c>
      <c r="H40" s="10" t="s">
        <v>645</v>
      </c>
      <c r="J40" s="10" t="s">
        <v>653</v>
      </c>
      <c r="K40" s="10" t="s">
        <v>642</v>
      </c>
      <c r="M40" s="10" t="s">
        <v>167</v>
      </c>
      <c r="N40" s="10" t="s">
        <v>127</v>
      </c>
    </row>
    <row r="41" spans="1:16" s="10" customFormat="1" ht="39" customHeight="1">
      <c r="A41" s="10" t="s">
        <v>775</v>
      </c>
      <c r="B41" s="10" t="s">
        <v>625</v>
      </c>
      <c r="E41" s="10" t="s">
        <v>2535</v>
      </c>
      <c r="F41" s="10" t="s">
        <v>2536</v>
      </c>
      <c r="G41" s="10" t="s">
        <v>633</v>
      </c>
      <c r="H41" s="10" t="s">
        <v>645</v>
      </c>
      <c r="J41" s="10" t="s">
        <v>654</v>
      </c>
      <c r="K41" s="10" t="s">
        <v>643</v>
      </c>
      <c r="M41" s="10" t="s">
        <v>126</v>
      </c>
      <c r="N41" s="10" t="s">
        <v>127</v>
      </c>
    </row>
    <row r="42" spans="1:16" s="10" customFormat="1" ht="45">
      <c r="A42" s="10" t="s">
        <v>775</v>
      </c>
      <c r="B42" s="10" t="s">
        <v>625</v>
      </c>
      <c r="E42" s="10" t="s">
        <v>2536</v>
      </c>
      <c r="F42" s="10" t="s">
        <v>634</v>
      </c>
      <c r="G42" s="10" t="s">
        <v>634</v>
      </c>
      <c r="H42" s="10" t="s">
        <v>645</v>
      </c>
      <c r="J42" s="10" t="s">
        <v>655</v>
      </c>
      <c r="K42" s="10" t="s">
        <v>644</v>
      </c>
      <c r="M42" s="10" t="s">
        <v>660</v>
      </c>
      <c r="N42" s="10" t="s">
        <v>127</v>
      </c>
      <c r="P42" s="10" t="s">
        <v>660</v>
      </c>
    </row>
    <row r="43" spans="1:16" s="10" customFormat="1" ht="45">
      <c r="A43" s="10" t="s">
        <v>775</v>
      </c>
      <c r="B43" s="10" t="s">
        <v>625</v>
      </c>
      <c r="E43" s="10" t="s">
        <v>2527</v>
      </c>
      <c r="F43" s="10" t="s">
        <v>635</v>
      </c>
      <c r="G43" s="10" t="s">
        <v>635</v>
      </c>
      <c r="H43" s="10" t="s">
        <v>645</v>
      </c>
      <c r="J43" s="10" t="s">
        <v>656</v>
      </c>
      <c r="K43" s="10" t="s">
        <v>2537</v>
      </c>
      <c r="M43" s="10" t="s">
        <v>167</v>
      </c>
      <c r="N43" s="10" t="s">
        <v>127</v>
      </c>
    </row>
    <row r="44" spans="1:16" s="10" customFormat="1" ht="45">
      <c r="A44" s="10" t="s">
        <v>775</v>
      </c>
      <c r="B44" s="10" t="s">
        <v>1199</v>
      </c>
      <c r="E44" s="10" t="s">
        <v>2527</v>
      </c>
      <c r="F44" s="10" t="s">
        <v>2538</v>
      </c>
      <c r="G44" s="10" t="s">
        <v>1188</v>
      </c>
      <c r="H44" s="10" t="s">
        <v>166</v>
      </c>
      <c r="J44" s="10" t="s">
        <v>1189</v>
      </c>
      <c r="K44" s="10">
        <v>64</v>
      </c>
      <c r="M44" s="10" t="s">
        <v>167</v>
      </c>
      <c r="N44" s="10" t="s">
        <v>1021</v>
      </c>
    </row>
    <row r="45" spans="1:16" s="10" customFormat="1" ht="45">
      <c r="A45" s="10" t="s">
        <v>775</v>
      </c>
      <c r="B45" s="10" t="s">
        <v>1199</v>
      </c>
      <c r="E45" s="10" t="s">
        <v>2527</v>
      </c>
      <c r="F45" s="10" t="s">
        <v>2539</v>
      </c>
      <c r="G45" s="10" t="s">
        <v>1190</v>
      </c>
      <c r="H45" s="10" t="s">
        <v>166</v>
      </c>
      <c r="J45" s="10" t="s">
        <v>1189</v>
      </c>
      <c r="K45" s="10">
        <v>64</v>
      </c>
      <c r="M45" s="10" t="s">
        <v>167</v>
      </c>
      <c r="N45" s="10" t="s">
        <v>1021</v>
      </c>
    </row>
    <row r="46" spans="1:16" s="10" customFormat="1" ht="28.5" customHeight="1">
      <c r="A46" s="10" t="s">
        <v>775</v>
      </c>
      <c r="B46" s="10" t="s">
        <v>1199</v>
      </c>
      <c r="E46" s="10" t="s">
        <v>2540</v>
      </c>
      <c r="F46" s="10" t="s">
        <v>2541</v>
      </c>
      <c r="G46" s="10" t="s">
        <v>1191</v>
      </c>
      <c r="H46" s="10" t="s">
        <v>667</v>
      </c>
      <c r="J46" s="10" t="s">
        <v>1192</v>
      </c>
      <c r="K46" s="10" t="s">
        <v>27</v>
      </c>
      <c r="M46" s="10" t="s">
        <v>596</v>
      </c>
      <c r="N46" s="10" t="s">
        <v>1021</v>
      </c>
      <c r="P46" s="10" t="s">
        <v>1424</v>
      </c>
    </row>
    <row r="47" spans="1:16" s="10" customFormat="1" ht="22.5">
      <c r="A47" s="10" t="s">
        <v>775</v>
      </c>
      <c r="B47" s="10" t="s">
        <v>1199</v>
      </c>
      <c r="E47" s="10" t="s">
        <v>2540</v>
      </c>
      <c r="F47" s="10" t="s">
        <v>2542</v>
      </c>
      <c r="G47" s="10" t="s">
        <v>1193</v>
      </c>
      <c r="H47" s="10" t="s">
        <v>667</v>
      </c>
      <c r="J47" s="10" t="s">
        <v>1194</v>
      </c>
      <c r="K47" s="10" t="s">
        <v>27</v>
      </c>
      <c r="M47" s="10" t="s">
        <v>596</v>
      </c>
      <c r="N47" s="10" t="s">
        <v>1021</v>
      </c>
      <c r="P47" s="10" t="s">
        <v>1370</v>
      </c>
    </row>
    <row r="48" spans="1:16" s="10" customFormat="1" ht="22.5">
      <c r="A48" s="10" t="s">
        <v>775</v>
      </c>
      <c r="B48" s="10" t="s">
        <v>1199</v>
      </c>
      <c r="E48" s="10" t="s">
        <v>2540</v>
      </c>
      <c r="F48" s="10" t="s">
        <v>2543</v>
      </c>
      <c r="G48" s="10" t="s">
        <v>1195</v>
      </c>
      <c r="H48" s="10" t="s">
        <v>667</v>
      </c>
      <c r="J48" s="10" t="s">
        <v>1196</v>
      </c>
      <c r="K48" s="10" t="s">
        <v>27</v>
      </c>
      <c r="M48" s="10" t="s">
        <v>596</v>
      </c>
      <c r="N48" s="10" t="s">
        <v>1021</v>
      </c>
      <c r="P48" s="10" t="s">
        <v>1370</v>
      </c>
    </row>
    <row r="49" spans="1:16" s="10" customFormat="1" ht="22.5">
      <c r="A49" s="10" t="s">
        <v>775</v>
      </c>
      <c r="B49" s="10" t="s">
        <v>1199</v>
      </c>
      <c r="E49" s="10" t="s">
        <v>2540</v>
      </c>
      <c r="F49" s="10" t="s">
        <v>2544</v>
      </c>
      <c r="G49" s="10" t="s">
        <v>1197</v>
      </c>
      <c r="H49" s="10" t="s">
        <v>667</v>
      </c>
      <c r="J49" s="10" t="s">
        <v>1198</v>
      </c>
      <c r="K49" s="10" t="s">
        <v>27</v>
      </c>
      <c r="M49" s="10" t="s">
        <v>596</v>
      </c>
      <c r="N49" s="10" t="s">
        <v>1021</v>
      </c>
      <c r="P49" s="10" t="s">
        <v>1370</v>
      </c>
    </row>
    <row r="50" spans="1:16" s="10" customFormat="1" ht="33.75">
      <c r="A50" s="10" t="s">
        <v>775</v>
      </c>
      <c r="B50" s="10" t="s">
        <v>625</v>
      </c>
      <c r="E50" s="10" t="s">
        <v>2545</v>
      </c>
      <c r="F50" s="10" t="s">
        <v>153</v>
      </c>
      <c r="G50" s="10" t="s">
        <v>153</v>
      </c>
      <c r="H50" s="10" t="s">
        <v>166</v>
      </c>
      <c r="J50" s="10" t="s">
        <v>668</v>
      </c>
      <c r="K50" s="10" t="s">
        <v>160</v>
      </c>
      <c r="M50" s="10" t="s">
        <v>169</v>
      </c>
      <c r="N50" s="10" t="s">
        <v>127</v>
      </c>
    </row>
    <row r="51" spans="1:16" s="10" customFormat="1" ht="54" customHeight="1">
      <c r="A51" s="10" t="s">
        <v>775</v>
      </c>
      <c r="B51" s="10" t="s">
        <v>625</v>
      </c>
      <c r="E51" s="10" t="s">
        <v>2545</v>
      </c>
      <c r="F51" s="10" t="s">
        <v>2546</v>
      </c>
      <c r="G51" s="10" t="s">
        <v>154</v>
      </c>
      <c r="H51" s="10" t="s">
        <v>645</v>
      </c>
      <c r="J51" s="10" t="s">
        <v>669</v>
      </c>
      <c r="K51" s="10" t="s">
        <v>161</v>
      </c>
      <c r="M51" s="10" t="s">
        <v>169</v>
      </c>
      <c r="N51" s="10" t="s">
        <v>127</v>
      </c>
    </row>
    <row r="52" spans="1:16" s="10" customFormat="1" ht="33.75">
      <c r="A52" s="10" t="s">
        <v>775</v>
      </c>
      <c r="B52" s="10" t="s">
        <v>625</v>
      </c>
      <c r="E52" s="10" t="s">
        <v>2547</v>
      </c>
      <c r="F52" s="10" t="s">
        <v>2548</v>
      </c>
      <c r="G52" s="10" t="s">
        <v>155</v>
      </c>
      <c r="H52" s="10" t="s">
        <v>645</v>
      </c>
      <c r="J52" s="10" t="s">
        <v>670</v>
      </c>
      <c r="K52" s="10" t="s">
        <v>162</v>
      </c>
      <c r="M52" s="10" t="s">
        <v>125</v>
      </c>
      <c r="N52" s="10" t="s">
        <v>127</v>
      </c>
      <c r="P52" s="10" t="s">
        <v>677</v>
      </c>
    </row>
    <row r="53" spans="1:16" s="10" customFormat="1" ht="33.75">
      <c r="A53" s="10" t="s">
        <v>775</v>
      </c>
      <c r="B53" s="10" t="s">
        <v>625</v>
      </c>
      <c r="F53" s="10" t="s">
        <v>2549</v>
      </c>
      <c r="G53" s="10" t="s">
        <v>156</v>
      </c>
      <c r="H53" s="10" t="s">
        <v>645</v>
      </c>
      <c r="J53" s="10" t="s">
        <v>671</v>
      </c>
      <c r="K53" s="10" t="s">
        <v>664</v>
      </c>
      <c r="M53" s="10" t="s">
        <v>125</v>
      </c>
      <c r="N53" s="10" t="s">
        <v>127</v>
      </c>
      <c r="P53" s="10" t="s">
        <v>678</v>
      </c>
    </row>
    <row r="54" spans="1:16" s="10" customFormat="1" ht="33.75">
      <c r="A54" s="10" t="s">
        <v>775</v>
      </c>
      <c r="B54" s="10" t="s">
        <v>625</v>
      </c>
      <c r="E54" s="10" t="s">
        <v>2550</v>
      </c>
      <c r="F54" s="10" t="s">
        <v>2551</v>
      </c>
      <c r="G54" s="10" t="s">
        <v>662</v>
      </c>
      <c r="H54" s="10" t="s">
        <v>645</v>
      </c>
      <c r="J54" s="10" t="s">
        <v>672</v>
      </c>
      <c r="K54" s="10" t="s">
        <v>665</v>
      </c>
      <c r="M54" s="10" t="s">
        <v>170</v>
      </c>
      <c r="N54" s="10" t="s">
        <v>127</v>
      </c>
      <c r="P54" s="10" t="s">
        <v>679</v>
      </c>
    </row>
    <row r="55" spans="1:16" s="10" customFormat="1" ht="33.75">
      <c r="A55" s="10" t="s">
        <v>775</v>
      </c>
      <c r="B55" s="10" t="s">
        <v>625</v>
      </c>
      <c r="E55" s="10" t="s">
        <v>2547</v>
      </c>
      <c r="F55" s="3" t="s">
        <v>2489</v>
      </c>
      <c r="G55" s="10" t="s">
        <v>157</v>
      </c>
      <c r="H55" s="10" t="s">
        <v>645</v>
      </c>
      <c r="J55" s="10" t="s">
        <v>673</v>
      </c>
      <c r="K55" s="10" t="s">
        <v>163</v>
      </c>
      <c r="M55" s="10" t="s">
        <v>125</v>
      </c>
      <c r="N55" s="10" t="s">
        <v>127</v>
      </c>
      <c r="P55" s="10" t="s">
        <v>680</v>
      </c>
    </row>
    <row r="56" spans="1:16" s="10" customFormat="1" ht="22.5">
      <c r="A56" s="10" t="s">
        <v>775</v>
      </c>
      <c r="B56" s="10" t="s">
        <v>625</v>
      </c>
      <c r="E56" s="10" t="s">
        <v>2552</v>
      </c>
      <c r="F56" s="10" t="s">
        <v>2553</v>
      </c>
      <c r="G56" s="10" t="s">
        <v>158</v>
      </c>
      <c r="H56" s="10" t="s">
        <v>645</v>
      </c>
      <c r="J56" s="10" t="s">
        <v>674</v>
      </c>
      <c r="K56" s="10" t="s">
        <v>164</v>
      </c>
      <c r="M56" s="10" t="s">
        <v>125</v>
      </c>
      <c r="N56" s="10" t="s">
        <v>127</v>
      </c>
    </row>
    <row r="57" spans="1:16" s="10" customFormat="1" ht="45">
      <c r="A57" s="10" t="s">
        <v>775</v>
      </c>
      <c r="B57" s="10" t="s">
        <v>625</v>
      </c>
      <c r="E57" s="10" t="s">
        <v>2552</v>
      </c>
      <c r="F57" s="10" t="s">
        <v>1134</v>
      </c>
      <c r="G57" s="10" t="s">
        <v>159</v>
      </c>
      <c r="H57" s="10" t="s">
        <v>645</v>
      </c>
      <c r="J57" s="10" t="s">
        <v>675</v>
      </c>
      <c r="K57" s="10" t="s">
        <v>165</v>
      </c>
      <c r="M57" s="10" t="s">
        <v>171</v>
      </c>
      <c r="N57" s="10" t="s">
        <v>127</v>
      </c>
    </row>
    <row r="58" spans="1:16" s="10" customFormat="1" ht="43.5" customHeight="1">
      <c r="A58" s="10" t="s">
        <v>775</v>
      </c>
      <c r="B58" s="10" t="s">
        <v>625</v>
      </c>
      <c r="F58" s="10" t="s">
        <v>2549</v>
      </c>
      <c r="G58" s="10" t="s">
        <v>663</v>
      </c>
      <c r="H58" s="10" t="s">
        <v>667</v>
      </c>
      <c r="J58" s="10" t="s">
        <v>676</v>
      </c>
      <c r="K58" s="10" t="s">
        <v>666</v>
      </c>
      <c r="M58" s="10" t="s">
        <v>125</v>
      </c>
      <c r="N58" s="10" t="s">
        <v>127</v>
      </c>
    </row>
    <row r="59" spans="1:16" s="17" customFormat="1" ht="120.75" customHeight="1">
      <c r="A59" s="17" t="s">
        <v>775</v>
      </c>
      <c r="B59" s="17" t="s">
        <v>600</v>
      </c>
      <c r="E59" s="10" t="s">
        <v>727</v>
      </c>
      <c r="F59" s="10" t="s">
        <v>2554</v>
      </c>
      <c r="G59" s="17" t="s">
        <v>1655</v>
      </c>
      <c r="H59" s="17" t="s">
        <v>667</v>
      </c>
      <c r="J59" s="17" t="s">
        <v>2044</v>
      </c>
      <c r="K59" s="17" t="s">
        <v>27</v>
      </c>
      <c r="M59" s="17" t="s">
        <v>596</v>
      </c>
      <c r="N59" s="17" t="s">
        <v>1021</v>
      </c>
    </row>
  </sheetData>
  <autoFilter ref="A1:P58"/>
  <phoneticPr fontId="13" type="noConversion"/>
  <conditionalFormatting sqref="M1">
    <cfRule type="expression" dxfId="6" priority="1">
      <formula>#REF!="Capability"</formula>
    </cfRule>
  </conditionalFormatting>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11"/>
  <sheetViews>
    <sheetView zoomScale="90" zoomScaleNormal="90" workbookViewId="0">
      <pane xSplit="7" ySplit="1" topLeftCell="H8" activePane="bottomRight" state="frozen"/>
      <selection pane="topRight" activeCell="G1" sqref="G1"/>
      <selection pane="bottomLeft" activeCell="A2" sqref="A2"/>
      <selection pane="bottomRight" activeCell="F11" sqref="F11"/>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9.375" style="13" customWidth="1"/>
    <col min="6" max="6" width="10.625" style="13" customWidth="1"/>
    <col min="7" max="7" width="24.125"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48.75" customHeight="1">
      <c r="A2" s="10" t="s">
        <v>776</v>
      </c>
      <c r="B2" s="10" t="s">
        <v>2066</v>
      </c>
      <c r="C2" s="10" t="s">
        <v>177</v>
      </c>
      <c r="E2" s="10" t="s">
        <v>2067</v>
      </c>
      <c r="F2" s="10" t="s">
        <v>264</v>
      </c>
      <c r="G2" s="10" t="s">
        <v>264</v>
      </c>
      <c r="H2" s="10" t="s">
        <v>15</v>
      </c>
      <c r="J2" s="53" t="s">
        <v>687</v>
      </c>
      <c r="K2" s="10" t="s">
        <v>266</v>
      </c>
      <c r="M2" s="10" t="s">
        <v>2068</v>
      </c>
      <c r="N2" s="10" t="s">
        <v>127</v>
      </c>
      <c r="O2" s="10" t="s">
        <v>13</v>
      </c>
      <c r="P2" s="10" t="s">
        <v>692</v>
      </c>
    </row>
    <row r="3" spans="1:16" s="10" customFormat="1" ht="256.5" customHeight="1">
      <c r="A3" s="10" t="s">
        <v>776</v>
      </c>
      <c r="B3" s="10" t="s">
        <v>2066</v>
      </c>
      <c r="C3" s="10" t="s">
        <v>177</v>
      </c>
      <c r="E3" s="10" t="s">
        <v>2067</v>
      </c>
      <c r="F3" s="10" t="s">
        <v>2069</v>
      </c>
      <c r="G3" s="10" t="s">
        <v>681</v>
      </c>
      <c r="H3" s="10" t="s">
        <v>15</v>
      </c>
      <c r="I3" s="37"/>
      <c r="J3" s="38" t="s">
        <v>2070</v>
      </c>
      <c r="K3" s="8" t="s">
        <v>2071</v>
      </c>
      <c r="M3" s="10" t="s">
        <v>1402</v>
      </c>
      <c r="N3" s="10" t="s">
        <v>127</v>
      </c>
      <c r="O3" s="10" t="s">
        <v>13</v>
      </c>
      <c r="P3" s="10" t="s">
        <v>1575</v>
      </c>
    </row>
    <row r="4" spans="1:16" s="10" customFormat="1" ht="33.75">
      <c r="A4" s="10" t="s">
        <v>776</v>
      </c>
      <c r="B4" s="10" t="s">
        <v>2066</v>
      </c>
      <c r="C4" s="10" t="s">
        <v>177</v>
      </c>
      <c r="E4" s="10" t="s">
        <v>2067</v>
      </c>
      <c r="F4" s="10" t="s">
        <v>2072</v>
      </c>
      <c r="G4" s="10" t="s">
        <v>2073</v>
      </c>
      <c r="J4" s="54" t="s">
        <v>2074</v>
      </c>
      <c r="K4" s="10" t="s">
        <v>683</v>
      </c>
      <c r="M4" s="10" t="s">
        <v>267</v>
      </c>
      <c r="N4" s="10" t="s">
        <v>127</v>
      </c>
      <c r="O4" s="10" t="s">
        <v>691</v>
      </c>
      <c r="P4" s="10" t="s">
        <v>2075</v>
      </c>
    </row>
    <row r="5" spans="1:16" s="10" customFormat="1" ht="231.75" customHeight="1">
      <c r="A5" s="10" t="s">
        <v>776</v>
      </c>
      <c r="B5" s="10" t="s">
        <v>2076</v>
      </c>
      <c r="C5" s="10" t="s">
        <v>177</v>
      </c>
      <c r="E5" s="10" t="s">
        <v>2077</v>
      </c>
      <c r="F5" s="10" t="s">
        <v>2078</v>
      </c>
      <c r="G5" s="10" t="s">
        <v>265</v>
      </c>
      <c r="H5" s="10" t="s">
        <v>15</v>
      </c>
      <c r="J5" s="10" t="s">
        <v>690</v>
      </c>
      <c r="K5" s="10" t="s">
        <v>2079</v>
      </c>
      <c r="M5" s="10" t="s">
        <v>204</v>
      </c>
      <c r="N5" s="10" t="s">
        <v>127</v>
      </c>
      <c r="O5" s="10" t="s">
        <v>13</v>
      </c>
      <c r="P5" s="10" t="s">
        <v>693</v>
      </c>
    </row>
    <row r="6" spans="1:16" s="10" customFormat="1" ht="137.25" customHeight="1">
      <c r="A6" s="10" t="s">
        <v>776</v>
      </c>
      <c r="B6" s="10" t="s">
        <v>2080</v>
      </c>
      <c r="C6" s="10" t="s">
        <v>280</v>
      </c>
      <c r="E6" s="10" t="s">
        <v>2081</v>
      </c>
      <c r="F6" s="10" t="s">
        <v>682</v>
      </c>
      <c r="G6" s="10" t="s">
        <v>682</v>
      </c>
      <c r="H6" s="10" t="s">
        <v>685</v>
      </c>
      <c r="J6" s="10" t="s">
        <v>688</v>
      </c>
      <c r="K6" s="10" t="s">
        <v>684</v>
      </c>
      <c r="M6" s="10" t="s">
        <v>204</v>
      </c>
      <c r="N6" s="10" t="s">
        <v>127</v>
      </c>
      <c r="O6" s="10" t="s">
        <v>13</v>
      </c>
      <c r="P6" s="10" t="s">
        <v>694</v>
      </c>
    </row>
    <row r="7" spans="1:16" s="10" customFormat="1" ht="218.25" customHeight="1">
      <c r="A7" s="10" t="s">
        <v>776</v>
      </c>
      <c r="B7" s="10" t="s">
        <v>1400</v>
      </c>
      <c r="C7" s="10" t="s">
        <v>178</v>
      </c>
      <c r="E7" s="10" t="s">
        <v>1277</v>
      </c>
      <c r="F7" s="10" t="s">
        <v>2082</v>
      </c>
      <c r="G7" s="10" t="s">
        <v>2083</v>
      </c>
      <c r="H7" s="10" t="s">
        <v>685</v>
      </c>
      <c r="J7" s="10" t="s">
        <v>689</v>
      </c>
      <c r="M7" s="10" t="s">
        <v>686</v>
      </c>
      <c r="N7" s="10" t="s">
        <v>127</v>
      </c>
      <c r="O7" s="10" t="s">
        <v>13</v>
      </c>
      <c r="P7" s="10" t="s">
        <v>1576</v>
      </c>
    </row>
    <row r="8" spans="1:16" s="10" customFormat="1" ht="149.25" customHeight="1">
      <c r="A8" s="10" t="s">
        <v>776</v>
      </c>
      <c r="B8" s="10" t="s">
        <v>1400</v>
      </c>
      <c r="C8" s="10" t="s">
        <v>1016</v>
      </c>
      <c r="E8" s="10" t="s">
        <v>2067</v>
      </c>
      <c r="F8" s="10" t="s">
        <v>2084</v>
      </c>
      <c r="G8" s="10" t="s">
        <v>1657</v>
      </c>
      <c r="H8" s="10" t="s">
        <v>685</v>
      </c>
      <c r="J8" s="10" t="s">
        <v>1364</v>
      </c>
      <c r="K8" s="10" t="s">
        <v>1656</v>
      </c>
      <c r="M8" s="10" t="s">
        <v>1402</v>
      </c>
      <c r="N8" s="10" t="s">
        <v>127</v>
      </c>
      <c r="O8" s="10" t="s">
        <v>888</v>
      </c>
      <c r="P8" s="10" t="s">
        <v>1366</v>
      </c>
    </row>
    <row r="9" spans="1:16" s="10" customFormat="1" ht="78" customHeight="1">
      <c r="A9" s="10" t="s">
        <v>776</v>
      </c>
      <c r="B9" s="10" t="s">
        <v>1400</v>
      </c>
      <c r="C9" s="10" t="s">
        <v>1016</v>
      </c>
      <c r="E9" s="10" t="s">
        <v>2067</v>
      </c>
      <c r="F9" s="10" t="s">
        <v>2085</v>
      </c>
      <c r="G9" s="10" t="s">
        <v>1403</v>
      </c>
      <c r="H9" s="10" t="s">
        <v>1214</v>
      </c>
      <c r="J9" s="10" t="s">
        <v>1365</v>
      </c>
      <c r="K9" s="10" t="s">
        <v>1399</v>
      </c>
      <c r="M9" s="10" t="s">
        <v>1402</v>
      </c>
      <c r="N9" s="10" t="s">
        <v>127</v>
      </c>
      <c r="O9" s="10" t="s">
        <v>1401</v>
      </c>
      <c r="P9" s="10" t="s">
        <v>2086</v>
      </c>
    </row>
    <row r="10" spans="1:16" s="10" customFormat="1" ht="120.75" customHeight="1">
      <c r="A10" s="10" t="s">
        <v>776</v>
      </c>
      <c r="B10" s="10" t="s">
        <v>1400</v>
      </c>
      <c r="C10" s="10" t="s">
        <v>176</v>
      </c>
      <c r="E10" s="10" t="s">
        <v>2067</v>
      </c>
      <c r="F10" s="10" t="s">
        <v>2087</v>
      </c>
      <c r="G10" s="10" t="s">
        <v>2088</v>
      </c>
      <c r="H10" s="10" t="s">
        <v>15</v>
      </c>
      <c r="J10" s="10" t="s">
        <v>1215</v>
      </c>
      <c r="K10" s="10" t="s">
        <v>683</v>
      </c>
      <c r="M10" s="10" t="s">
        <v>1658</v>
      </c>
      <c r="N10" s="10" t="s">
        <v>127</v>
      </c>
      <c r="O10" s="10" t="s">
        <v>1401</v>
      </c>
      <c r="P10" s="10" t="s">
        <v>1017</v>
      </c>
    </row>
    <row r="11" spans="1:16" s="10" customFormat="1" ht="121.5" customHeight="1">
      <c r="A11" s="10" t="s">
        <v>776</v>
      </c>
      <c r="B11" s="10" t="s">
        <v>1400</v>
      </c>
      <c r="C11" s="10" t="s">
        <v>176</v>
      </c>
      <c r="E11" s="10" t="s">
        <v>2067</v>
      </c>
      <c r="F11" s="10" t="s">
        <v>2089</v>
      </c>
      <c r="G11" s="10" t="s">
        <v>2090</v>
      </c>
      <c r="H11" s="10" t="s">
        <v>15</v>
      </c>
      <c r="J11" s="10" t="s">
        <v>1216</v>
      </c>
      <c r="K11" s="10" t="s">
        <v>683</v>
      </c>
      <c r="M11" s="10" t="s">
        <v>1658</v>
      </c>
      <c r="N11" s="10" t="s">
        <v>127</v>
      </c>
      <c r="O11" s="10" t="s">
        <v>1401</v>
      </c>
      <c r="P11" s="10" t="s">
        <v>1017</v>
      </c>
    </row>
  </sheetData>
  <autoFilter ref="A1:P7"/>
  <phoneticPr fontId="13" type="noConversion"/>
  <conditionalFormatting sqref="M1">
    <cfRule type="expression" dxfId="5" priority="1">
      <formula>#REF!="Capability"</formula>
    </cfRule>
  </conditionalFormatting>
  <pageMargins left="0.7" right="0.7" top="0.75" bottom="0.75" header="0.3" footer="0.3"/>
  <pageSetup orientation="portrait" r:id="rId1"/>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102"/>
  <sheetViews>
    <sheetView zoomScaleNormal="100" workbookViewId="0">
      <pane xSplit="7" ySplit="1" topLeftCell="H59" activePane="bottomRight" state="frozen"/>
      <selection pane="topRight" activeCell="G1" sqref="G1"/>
      <selection pane="bottomLeft" activeCell="A2" sqref="A2"/>
      <selection pane="bottomRight" activeCell="G61" sqref="G61"/>
    </sheetView>
  </sheetViews>
  <sheetFormatPr defaultColWidth="13.125" defaultRowHeight="30" customHeight="1"/>
  <cols>
    <col min="1" max="1" width="10.125" style="13" customWidth="1"/>
    <col min="2" max="2" width="15.625" style="13" customWidth="1"/>
    <col min="3" max="3" width="10.125" style="13" customWidth="1"/>
    <col min="4" max="4" width="8" style="13" customWidth="1"/>
    <col min="5" max="5" width="9.375" style="13" customWidth="1"/>
    <col min="6" max="6" width="21.375" style="13" customWidth="1"/>
    <col min="7" max="7" width="24.125" style="13" customWidth="1"/>
    <col min="8" max="8" width="8.375" style="13" customWidth="1"/>
    <col min="9" max="9" width="15.375" style="13" customWidth="1"/>
    <col min="10" max="10" width="53.125" style="13" customWidth="1"/>
    <col min="11" max="11" width="25.375" style="13" customWidth="1"/>
    <col min="12" max="12" width="12" style="13" customWidth="1"/>
    <col min="13" max="14" width="11.375" style="13" customWidth="1"/>
    <col min="15" max="15" width="13.125" style="13"/>
    <col min="16" max="16" width="76.125" style="13" customWidth="1"/>
    <col min="17" max="16384" width="13.125" style="13"/>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0" customFormat="1" ht="29.25" customHeight="1">
      <c r="A2" s="10" t="s">
        <v>777</v>
      </c>
      <c r="B2" s="10" t="s">
        <v>230</v>
      </c>
      <c r="E2" s="10" t="s">
        <v>2348</v>
      </c>
      <c r="F2" s="10" t="s">
        <v>2349</v>
      </c>
      <c r="G2" s="10" t="s">
        <v>2349</v>
      </c>
      <c r="H2" s="10" t="s">
        <v>69</v>
      </c>
      <c r="J2" s="10" t="s">
        <v>234</v>
      </c>
      <c r="K2" s="10" t="s">
        <v>193</v>
      </c>
      <c r="N2" s="10" t="s">
        <v>252</v>
      </c>
      <c r="O2" s="10" t="s">
        <v>2350</v>
      </c>
    </row>
    <row r="3" spans="1:16" s="10" customFormat="1" ht="67.5">
      <c r="A3" s="10" t="s">
        <v>777</v>
      </c>
      <c r="B3" s="10" t="s">
        <v>230</v>
      </c>
      <c r="E3" s="10" t="s">
        <v>2351</v>
      </c>
      <c r="F3" s="10" t="s">
        <v>2352</v>
      </c>
      <c r="G3" s="10" t="s">
        <v>2352</v>
      </c>
      <c r="H3" s="10" t="s">
        <v>69</v>
      </c>
      <c r="J3" s="10" t="s">
        <v>235</v>
      </c>
      <c r="K3" s="10" t="s">
        <v>1051</v>
      </c>
      <c r="N3" s="10" t="s">
        <v>252</v>
      </c>
      <c r="O3" s="10" t="s">
        <v>2350</v>
      </c>
    </row>
    <row r="4" spans="1:16" s="10" customFormat="1" ht="67.5">
      <c r="A4" s="10" t="s">
        <v>777</v>
      </c>
      <c r="B4" s="10" t="s">
        <v>230</v>
      </c>
      <c r="E4" s="10" t="s">
        <v>2351</v>
      </c>
      <c r="F4" s="10" t="s">
        <v>2353</v>
      </c>
      <c r="G4" s="10" t="s">
        <v>2353</v>
      </c>
      <c r="H4" s="10" t="s">
        <v>69</v>
      </c>
      <c r="J4" s="10" t="s">
        <v>1052</v>
      </c>
      <c r="K4" s="10" t="s">
        <v>1053</v>
      </c>
      <c r="N4" s="10" t="s">
        <v>252</v>
      </c>
      <c r="O4" s="10" t="s">
        <v>2350</v>
      </c>
    </row>
    <row r="5" spans="1:16" s="10" customFormat="1" ht="45">
      <c r="A5" s="10" t="s">
        <v>777</v>
      </c>
      <c r="B5" s="10" t="s">
        <v>230</v>
      </c>
      <c r="E5" s="10" t="s">
        <v>2351</v>
      </c>
      <c r="F5" s="10" t="s">
        <v>2354</v>
      </c>
      <c r="G5" s="10" t="s">
        <v>2354</v>
      </c>
      <c r="H5" s="10" t="s">
        <v>69</v>
      </c>
      <c r="J5" s="10" t="s">
        <v>917</v>
      </c>
      <c r="K5" s="10" t="s">
        <v>2355</v>
      </c>
      <c r="N5" s="10" t="s">
        <v>252</v>
      </c>
      <c r="O5" s="10" t="s">
        <v>2350</v>
      </c>
    </row>
    <row r="6" spans="1:16" s="10" customFormat="1" ht="84.75" customHeight="1">
      <c r="A6" s="10" t="s">
        <v>777</v>
      </c>
      <c r="B6" s="10" t="s">
        <v>230</v>
      </c>
      <c r="E6" s="10" t="s">
        <v>2351</v>
      </c>
      <c r="F6" s="10" t="s">
        <v>2356</v>
      </c>
      <c r="G6" s="10" t="s">
        <v>2356</v>
      </c>
      <c r="H6" s="10" t="s">
        <v>69</v>
      </c>
      <c r="J6" s="10" t="s">
        <v>918</v>
      </c>
      <c r="K6" s="10" t="s">
        <v>929</v>
      </c>
      <c r="N6" s="10" t="s">
        <v>252</v>
      </c>
      <c r="O6" s="10" t="s">
        <v>2350</v>
      </c>
    </row>
    <row r="7" spans="1:16" s="10" customFormat="1" ht="27" customHeight="1">
      <c r="A7" s="10" t="s">
        <v>777</v>
      </c>
      <c r="B7" s="10" t="s">
        <v>230</v>
      </c>
      <c r="E7" s="20" t="s">
        <v>2357</v>
      </c>
      <c r="F7" s="10" t="s">
        <v>2358</v>
      </c>
      <c r="G7" s="10" t="s">
        <v>2358</v>
      </c>
      <c r="H7" s="10" t="s">
        <v>69</v>
      </c>
      <c r="J7" s="10" t="s">
        <v>919</v>
      </c>
      <c r="K7" s="10" t="s">
        <v>930</v>
      </c>
      <c r="N7" s="10" t="s">
        <v>252</v>
      </c>
      <c r="O7" s="10" t="s">
        <v>2350</v>
      </c>
    </row>
    <row r="8" spans="1:16" s="10" customFormat="1" ht="45">
      <c r="A8" s="10" t="s">
        <v>777</v>
      </c>
      <c r="B8" s="10" t="s">
        <v>230</v>
      </c>
      <c r="E8" s="10" t="s">
        <v>2351</v>
      </c>
      <c r="F8" s="10" t="s">
        <v>2359</v>
      </c>
      <c r="G8" s="10" t="s">
        <v>2359</v>
      </c>
      <c r="H8" s="10" t="s">
        <v>69</v>
      </c>
      <c r="J8" s="10" t="s">
        <v>920</v>
      </c>
      <c r="K8" s="10" t="s">
        <v>931</v>
      </c>
      <c r="N8" s="10" t="s">
        <v>252</v>
      </c>
      <c r="O8" s="10" t="s">
        <v>2350</v>
      </c>
    </row>
    <row r="9" spans="1:16" s="10" customFormat="1" ht="45">
      <c r="A9" s="10" t="s">
        <v>777</v>
      </c>
      <c r="B9" s="10" t="s">
        <v>230</v>
      </c>
      <c r="E9" s="10" t="s">
        <v>2351</v>
      </c>
      <c r="F9" s="10" t="s">
        <v>2360</v>
      </c>
      <c r="G9" s="10" t="s">
        <v>2360</v>
      </c>
      <c r="H9" s="10" t="s">
        <v>69</v>
      </c>
      <c r="J9" s="10" t="s">
        <v>236</v>
      </c>
      <c r="K9" s="10" t="s">
        <v>193</v>
      </c>
      <c r="N9" s="10" t="s">
        <v>252</v>
      </c>
      <c r="O9" s="10" t="s">
        <v>2350</v>
      </c>
    </row>
    <row r="10" spans="1:16" s="10" customFormat="1" ht="45">
      <c r="A10" s="10" t="s">
        <v>777</v>
      </c>
      <c r="B10" s="10" t="s">
        <v>230</v>
      </c>
      <c r="E10" s="10" t="s">
        <v>2361</v>
      </c>
      <c r="F10" s="10" t="s">
        <v>2362</v>
      </c>
      <c r="G10" s="10" t="s">
        <v>2362</v>
      </c>
      <c r="H10" s="10" t="s">
        <v>69</v>
      </c>
      <c r="J10" s="10" t="s">
        <v>237</v>
      </c>
      <c r="K10" s="10" t="s">
        <v>1054</v>
      </c>
      <c r="N10" s="10" t="s">
        <v>252</v>
      </c>
      <c r="O10" s="10" t="s">
        <v>2350</v>
      </c>
    </row>
    <row r="11" spans="1:16" s="10" customFormat="1" ht="45">
      <c r="A11" s="10" t="s">
        <v>777</v>
      </c>
      <c r="B11" s="10" t="s">
        <v>230</v>
      </c>
      <c r="E11" s="10" t="s">
        <v>2361</v>
      </c>
      <c r="F11" s="10" t="s">
        <v>2363</v>
      </c>
      <c r="G11" s="10" t="s">
        <v>2363</v>
      </c>
      <c r="H11" s="10" t="s">
        <v>69</v>
      </c>
      <c r="J11" s="10" t="s">
        <v>238</v>
      </c>
      <c r="K11" s="10" t="s">
        <v>1055</v>
      </c>
      <c r="N11" s="10" t="s">
        <v>252</v>
      </c>
      <c r="O11" s="10" t="s">
        <v>2350</v>
      </c>
    </row>
    <row r="12" spans="1:16" s="10" customFormat="1" ht="67.5">
      <c r="A12" s="10" t="s">
        <v>777</v>
      </c>
      <c r="B12" s="10" t="s">
        <v>230</v>
      </c>
      <c r="E12" s="10" t="s">
        <v>2364</v>
      </c>
      <c r="F12" s="10" t="s">
        <v>2365</v>
      </c>
      <c r="G12" s="10" t="s">
        <v>2365</v>
      </c>
      <c r="H12" s="10" t="s">
        <v>69</v>
      </c>
      <c r="J12" s="10" t="s">
        <v>1577</v>
      </c>
      <c r="K12" s="10" t="s">
        <v>1578</v>
      </c>
      <c r="N12" s="10" t="s">
        <v>252</v>
      </c>
      <c r="O12" s="10" t="s">
        <v>2350</v>
      </c>
    </row>
    <row r="13" spans="1:16" s="10" customFormat="1" ht="157.5">
      <c r="A13" s="10" t="s">
        <v>777</v>
      </c>
      <c r="B13" s="10" t="s">
        <v>230</v>
      </c>
      <c r="E13" s="10" t="s">
        <v>2361</v>
      </c>
      <c r="F13" s="10" t="s">
        <v>2366</v>
      </c>
      <c r="G13" s="10" t="s">
        <v>2366</v>
      </c>
      <c r="H13" s="10" t="s">
        <v>69</v>
      </c>
      <c r="J13" s="10" t="s">
        <v>921</v>
      </c>
      <c r="K13" s="10" t="s">
        <v>1579</v>
      </c>
      <c r="N13" s="10" t="s">
        <v>252</v>
      </c>
      <c r="O13" s="10" t="s">
        <v>2350</v>
      </c>
      <c r="P13" s="10" t="s">
        <v>1580</v>
      </c>
    </row>
    <row r="14" spans="1:16" s="10" customFormat="1" ht="45">
      <c r="A14" s="10" t="s">
        <v>777</v>
      </c>
      <c r="B14" s="10" t="s">
        <v>230</v>
      </c>
      <c r="E14" s="10" t="s">
        <v>2361</v>
      </c>
      <c r="F14" s="10" t="s">
        <v>2367</v>
      </c>
      <c r="G14" s="10" t="s">
        <v>2367</v>
      </c>
      <c r="H14" s="10" t="s">
        <v>69</v>
      </c>
      <c r="J14" s="10" t="s">
        <v>922</v>
      </c>
      <c r="K14" s="10" t="s">
        <v>1581</v>
      </c>
      <c r="N14" s="10" t="s">
        <v>252</v>
      </c>
      <c r="O14" s="10" t="s">
        <v>2350</v>
      </c>
    </row>
    <row r="15" spans="1:16" s="10" customFormat="1" ht="45">
      <c r="A15" s="10" t="s">
        <v>777</v>
      </c>
      <c r="B15" s="10" t="s">
        <v>230</v>
      </c>
      <c r="E15" s="10" t="s">
        <v>2361</v>
      </c>
      <c r="F15" s="10" t="s">
        <v>2368</v>
      </c>
      <c r="G15" s="10" t="s">
        <v>2368</v>
      </c>
      <c r="H15" s="10" t="s">
        <v>69</v>
      </c>
      <c r="J15" s="10" t="s">
        <v>239</v>
      </c>
      <c r="K15" s="10" t="s">
        <v>932</v>
      </c>
      <c r="N15" s="10" t="s">
        <v>252</v>
      </c>
      <c r="O15" s="10" t="s">
        <v>2350</v>
      </c>
    </row>
    <row r="16" spans="1:16" s="10" customFormat="1" ht="45">
      <c r="A16" s="10" t="s">
        <v>777</v>
      </c>
      <c r="B16" s="10" t="s">
        <v>230</v>
      </c>
      <c r="E16" s="10" t="s">
        <v>2351</v>
      </c>
      <c r="F16" s="10" t="s">
        <v>2369</v>
      </c>
      <c r="G16" s="10" t="s">
        <v>2369</v>
      </c>
      <c r="H16" s="10" t="s">
        <v>69</v>
      </c>
      <c r="J16" s="10" t="s">
        <v>1582</v>
      </c>
      <c r="K16" s="10" t="s">
        <v>1583</v>
      </c>
      <c r="N16" s="10" t="s">
        <v>252</v>
      </c>
      <c r="O16" s="10" t="s">
        <v>2350</v>
      </c>
    </row>
    <row r="17" spans="1:16" s="10" customFormat="1" ht="101.25">
      <c r="A17" s="10" t="s">
        <v>777</v>
      </c>
      <c r="B17" s="10" t="s">
        <v>230</v>
      </c>
      <c r="E17" s="10" t="s">
        <v>2361</v>
      </c>
      <c r="F17" s="10" t="s">
        <v>2370</v>
      </c>
      <c r="G17" s="10" t="s">
        <v>2370</v>
      </c>
      <c r="H17" s="10" t="s">
        <v>69</v>
      </c>
      <c r="J17" s="10" t="s">
        <v>923</v>
      </c>
      <c r="K17" s="10" t="s">
        <v>1584</v>
      </c>
      <c r="N17" s="10" t="s">
        <v>252</v>
      </c>
      <c r="O17" s="10" t="s">
        <v>2350</v>
      </c>
      <c r="P17" s="10" t="s">
        <v>1585</v>
      </c>
    </row>
    <row r="18" spans="1:16" s="10" customFormat="1" ht="67.5">
      <c r="A18" s="10" t="s">
        <v>777</v>
      </c>
      <c r="B18" s="10" t="s">
        <v>230</v>
      </c>
      <c r="E18" s="10" t="s">
        <v>2371</v>
      </c>
      <c r="F18" s="10" t="s">
        <v>2372</v>
      </c>
      <c r="G18" s="10" t="s">
        <v>2372</v>
      </c>
      <c r="H18" s="10" t="s">
        <v>69</v>
      </c>
      <c r="J18" s="10" t="s">
        <v>240</v>
      </c>
      <c r="K18" s="10" t="s">
        <v>245</v>
      </c>
      <c r="N18" s="10" t="s">
        <v>252</v>
      </c>
      <c r="O18" s="10" t="s">
        <v>2350</v>
      </c>
    </row>
    <row r="19" spans="1:16" s="10" customFormat="1" ht="67.5">
      <c r="A19" s="10" t="s">
        <v>777</v>
      </c>
      <c r="B19" s="10" t="s">
        <v>230</v>
      </c>
      <c r="E19" s="10" t="s">
        <v>2371</v>
      </c>
      <c r="F19" s="10" t="s">
        <v>2373</v>
      </c>
      <c r="G19" s="10" t="s">
        <v>2373</v>
      </c>
      <c r="H19" s="10" t="s">
        <v>69</v>
      </c>
      <c r="J19" s="10" t="s">
        <v>241</v>
      </c>
      <c r="K19" s="10" t="s">
        <v>244</v>
      </c>
      <c r="N19" s="10" t="s">
        <v>252</v>
      </c>
      <c r="O19" s="10" t="s">
        <v>2350</v>
      </c>
    </row>
    <row r="20" spans="1:16" s="10" customFormat="1" ht="67.5">
      <c r="A20" s="10" t="s">
        <v>777</v>
      </c>
      <c r="B20" s="10" t="s">
        <v>230</v>
      </c>
      <c r="E20" s="10" t="s">
        <v>2374</v>
      </c>
      <c r="F20" s="10" t="s">
        <v>2375</v>
      </c>
      <c r="G20" s="10" t="s">
        <v>2375</v>
      </c>
      <c r="H20" s="10" t="s">
        <v>69</v>
      </c>
      <c r="J20" s="10" t="s">
        <v>1586</v>
      </c>
      <c r="K20" s="10" t="s">
        <v>933</v>
      </c>
      <c r="N20" s="10" t="s">
        <v>252</v>
      </c>
      <c r="O20" s="10" t="s">
        <v>2350</v>
      </c>
      <c r="P20" s="10" t="s">
        <v>936</v>
      </c>
    </row>
    <row r="21" spans="1:16" s="10" customFormat="1" ht="104.25" customHeight="1">
      <c r="A21" s="10" t="s">
        <v>777</v>
      </c>
      <c r="B21" s="10" t="s">
        <v>230</v>
      </c>
      <c r="E21" s="10" t="s">
        <v>2374</v>
      </c>
      <c r="F21" s="10" t="s">
        <v>2376</v>
      </c>
      <c r="G21" s="10" t="s">
        <v>2376</v>
      </c>
      <c r="H21" s="10" t="s">
        <v>69</v>
      </c>
      <c r="J21" s="10" t="s">
        <v>1587</v>
      </c>
      <c r="K21" s="10" t="s">
        <v>934</v>
      </c>
      <c r="N21" s="10" t="s">
        <v>252</v>
      </c>
      <c r="O21" s="10" t="s">
        <v>2350</v>
      </c>
    </row>
    <row r="22" spans="1:16" s="10" customFormat="1" ht="70.5" customHeight="1">
      <c r="A22" s="10" t="s">
        <v>777</v>
      </c>
      <c r="B22" s="10" t="s">
        <v>230</v>
      </c>
      <c r="E22" s="10" t="s">
        <v>2374</v>
      </c>
      <c r="F22" s="10" t="s">
        <v>2377</v>
      </c>
      <c r="G22" s="10" t="s">
        <v>2377</v>
      </c>
      <c r="H22" s="10" t="s">
        <v>233</v>
      </c>
      <c r="J22" s="10" t="s">
        <v>924</v>
      </c>
      <c r="K22" s="10" t="s">
        <v>28</v>
      </c>
      <c r="N22" s="10" t="s">
        <v>252</v>
      </c>
      <c r="O22" s="10" t="s">
        <v>2350</v>
      </c>
    </row>
    <row r="23" spans="1:16" s="10" customFormat="1" ht="138.75" customHeight="1">
      <c r="A23" s="10" t="s">
        <v>777</v>
      </c>
      <c r="B23" s="10" t="s">
        <v>1056</v>
      </c>
      <c r="E23" s="10" t="s">
        <v>2378</v>
      </c>
      <c r="F23" s="10" t="s">
        <v>2379</v>
      </c>
      <c r="G23" s="10" t="s">
        <v>2379</v>
      </c>
      <c r="H23" s="10" t="s">
        <v>233</v>
      </c>
      <c r="J23" s="10" t="s">
        <v>2380</v>
      </c>
      <c r="K23" s="10" t="s">
        <v>901</v>
      </c>
      <c r="N23" s="10" t="s">
        <v>252</v>
      </c>
      <c r="O23" s="10" t="s">
        <v>2350</v>
      </c>
      <c r="P23" s="10" t="s">
        <v>2381</v>
      </c>
    </row>
    <row r="24" spans="1:16" s="10" customFormat="1" ht="53.25" customHeight="1">
      <c r="A24" s="10" t="s">
        <v>777</v>
      </c>
      <c r="B24" s="10" t="s">
        <v>1057</v>
      </c>
      <c r="E24" s="10" t="s">
        <v>2382</v>
      </c>
      <c r="F24" s="10" t="s">
        <v>2383</v>
      </c>
      <c r="G24" s="10" t="s">
        <v>2383</v>
      </c>
      <c r="H24" s="10" t="s">
        <v>233</v>
      </c>
      <c r="J24" s="10" t="s">
        <v>242</v>
      </c>
      <c r="K24" s="10" t="s">
        <v>901</v>
      </c>
      <c r="N24" s="10" t="s">
        <v>252</v>
      </c>
      <c r="O24" s="10" t="s">
        <v>2350</v>
      </c>
      <c r="P24" s="10" t="s">
        <v>298</v>
      </c>
    </row>
    <row r="25" spans="1:16" s="10" customFormat="1" ht="62.25" customHeight="1">
      <c r="A25" s="10" t="s">
        <v>777</v>
      </c>
      <c r="B25" s="10" t="s">
        <v>1057</v>
      </c>
      <c r="E25" s="10" t="s">
        <v>2384</v>
      </c>
      <c r="F25" s="10" t="s">
        <v>2385</v>
      </c>
      <c r="G25" s="10" t="s">
        <v>2385</v>
      </c>
      <c r="H25" s="10" t="s">
        <v>233</v>
      </c>
      <c r="J25" s="10" t="s">
        <v>243</v>
      </c>
      <c r="K25" s="10" t="s">
        <v>901</v>
      </c>
      <c r="N25" s="10" t="s">
        <v>252</v>
      </c>
      <c r="O25" s="10" t="s">
        <v>2350</v>
      </c>
      <c r="P25" s="10" t="s">
        <v>2386</v>
      </c>
    </row>
    <row r="26" spans="1:16" s="10" customFormat="1" ht="101.25">
      <c r="A26" s="10" t="s">
        <v>777</v>
      </c>
      <c r="B26" s="10" t="s">
        <v>230</v>
      </c>
      <c r="E26" s="10" t="s">
        <v>2387</v>
      </c>
      <c r="F26" s="10" t="s">
        <v>2388</v>
      </c>
      <c r="G26" s="10" t="s">
        <v>2388</v>
      </c>
      <c r="H26" s="10" t="s">
        <v>233</v>
      </c>
      <c r="J26" s="10" t="s">
        <v>1588</v>
      </c>
      <c r="K26" s="10" t="s">
        <v>1058</v>
      </c>
      <c r="N26" s="10" t="s">
        <v>252</v>
      </c>
      <c r="O26" s="10" t="s">
        <v>2350</v>
      </c>
      <c r="P26" s="10" t="s">
        <v>937</v>
      </c>
    </row>
    <row r="27" spans="1:16" s="10" customFormat="1" ht="135">
      <c r="A27" s="10" t="s">
        <v>777</v>
      </c>
      <c r="B27" s="10" t="s">
        <v>230</v>
      </c>
      <c r="E27" s="10" t="s">
        <v>2387</v>
      </c>
      <c r="F27" s="10" t="s">
        <v>2389</v>
      </c>
      <c r="G27" s="10" t="s">
        <v>2389</v>
      </c>
      <c r="H27" s="10" t="s">
        <v>233</v>
      </c>
      <c r="J27" s="10" t="s">
        <v>1589</v>
      </c>
      <c r="K27" s="10" t="s">
        <v>1147</v>
      </c>
      <c r="N27" s="10" t="s">
        <v>252</v>
      </c>
      <c r="O27" s="10" t="s">
        <v>2350</v>
      </c>
      <c r="P27" s="10" t="s">
        <v>938</v>
      </c>
    </row>
    <row r="28" spans="1:16" s="10" customFormat="1" ht="270.75" customHeight="1">
      <c r="A28" s="10" t="s">
        <v>777</v>
      </c>
      <c r="B28" s="53" t="s">
        <v>230</v>
      </c>
      <c r="C28" s="53"/>
      <c r="D28" s="53"/>
      <c r="E28" s="10" t="s">
        <v>2351</v>
      </c>
      <c r="F28" s="53" t="s">
        <v>2390</v>
      </c>
      <c r="G28" s="53" t="s">
        <v>2390</v>
      </c>
      <c r="H28" s="53" t="s">
        <v>233</v>
      </c>
      <c r="I28" s="53"/>
      <c r="J28" s="53" t="s">
        <v>1590</v>
      </c>
      <c r="K28" s="53" t="s">
        <v>1591</v>
      </c>
      <c r="L28" s="53"/>
      <c r="M28" s="53"/>
      <c r="N28" s="53" t="s">
        <v>252</v>
      </c>
      <c r="O28" s="10" t="s">
        <v>2350</v>
      </c>
    </row>
    <row r="29" spans="1:16" s="10" customFormat="1" ht="45">
      <c r="A29" s="37" t="s">
        <v>777</v>
      </c>
      <c r="B29" s="10" t="s">
        <v>230</v>
      </c>
      <c r="E29" s="10" t="s">
        <v>2391</v>
      </c>
      <c r="F29" s="10" t="s">
        <v>2392</v>
      </c>
      <c r="G29" s="10" t="s">
        <v>2392</v>
      </c>
      <c r="H29" s="10" t="s">
        <v>69</v>
      </c>
      <c r="J29" s="10" t="s">
        <v>1059</v>
      </c>
      <c r="K29" s="10" t="s">
        <v>335</v>
      </c>
      <c r="N29" s="10" t="s">
        <v>252</v>
      </c>
      <c r="O29" s="10" t="s">
        <v>2350</v>
      </c>
      <c r="P29" s="8"/>
    </row>
    <row r="30" spans="1:16" s="10" customFormat="1" ht="78.75">
      <c r="A30" s="10" t="s">
        <v>777</v>
      </c>
      <c r="B30" s="54" t="s">
        <v>230</v>
      </c>
      <c r="C30" s="54"/>
      <c r="D30" s="54"/>
      <c r="E30" s="54" t="s">
        <v>2393</v>
      </c>
      <c r="F30" s="54" t="s">
        <v>2394</v>
      </c>
      <c r="G30" s="54" t="s">
        <v>2394</v>
      </c>
      <c r="H30" s="54" t="s">
        <v>69</v>
      </c>
      <c r="I30" s="54"/>
      <c r="J30" s="54" t="s">
        <v>925</v>
      </c>
      <c r="K30" s="54" t="s">
        <v>1060</v>
      </c>
      <c r="L30" s="54"/>
      <c r="M30" s="54"/>
      <c r="N30" s="54" t="s">
        <v>252</v>
      </c>
      <c r="O30" s="10" t="s">
        <v>2350</v>
      </c>
      <c r="P30" s="3" t="s">
        <v>2395</v>
      </c>
    </row>
    <row r="31" spans="1:16" s="10" customFormat="1" ht="67.5" customHeight="1">
      <c r="A31" s="10" t="s">
        <v>777</v>
      </c>
      <c r="B31" s="10" t="s">
        <v>1061</v>
      </c>
      <c r="E31" s="10" t="s">
        <v>2396</v>
      </c>
      <c r="F31" s="10" t="s">
        <v>905</v>
      </c>
      <c r="G31" s="10" t="s">
        <v>905</v>
      </c>
      <c r="H31" s="10" t="s">
        <v>69</v>
      </c>
      <c r="J31" s="10" t="s">
        <v>926</v>
      </c>
      <c r="K31" s="10" t="s">
        <v>935</v>
      </c>
      <c r="N31" s="10" t="s">
        <v>252</v>
      </c>
      <c r="O31" s="10" t="s">
        <v>2350</v>
      </c>
      <c r="P31" s="10" t="s">
        <v>939</v>
      </c>
    </row>
    <row r="32" spans="1:16" s="10" customFormat="1" ht="78" customHeight="1">
      <c r="A32" s="10" t="s">
        <v>777</v>
      </c>
      <c r="B32" s="10" t="s">
        <v>230</v>
      </c>
      <c r="E32" s="10" t="s">
        <v>2351</v>
      </c>
      <c r="F32" s="10" t="s">
        <v>906</v>
      </c>
      <c r="G32" s="10" t="s">
        <v>906</v>
      </c>
      <c r="H32" s="10" t="s">
        <v>233</v>
      </c>
      <c r="J32" s="10" t="s">
        <v>1592</v>
      </c>
      <c r="K32" s="10" t="s">
        <v>935</v>
      </c>
      <c r="N32" s="10" t="s">
        <v>252</v>
      </c>
      <c r="O32" s="10" t="s">
        <v>2350</v>
      </c>
      <c r="P32" s="10" t="s">
        <v>940</v>
      </c>
    </row>
    <row r="33" spans="1:16" s="10" customFormat="1" ht="41.25" customHeight="1">
      <c r="A33" s="10" t="s">
        <v>777</v>
      </c>
      <c r="B33" s="10" t="s">
        <v>1338</v>
      </c>
      <c r="E33" s="10" t="s">
        <v>2397</v>
      </c>
      <c r="F33" s="10" t="s">
        <v>2398</v>
      </c>
      <c r="G33" s="10" t="s">
        <v>2398</v>
      </c>
      <c r="H33" s="10" t="s">
        <v>69</v>
      </c>
      <c r="J33" s="10" t="s">
        <v>1062</v>
      </c>
      <c r="K33" s="10" t="s">
        <v>1063</v>
      </c>
      <c r="N33" s="10" t="s">
        <v>252</v>
      </c>
      <c r="O33" s="10" t="s">
        <v>2350</v>
      </c>
    </row>
    <row r="34" spans="1:16" s="10" customFormat="1" ht="119.25" customHeight="1">
      <c r="A34" s="10" t="s">
        <v>777</v>
      </c>
      <c r="B34" s="10" t="s">
        <v>1338</v>
      </c>
      <c r="E34" s="10" t="s">
        <v>2397</v>
      </c>
      <c r="F34" s="10" t="s">
        <v>2399</v>
      </c>
      <c r="G34" s="10" t="s">
        <v>2399</v>
      </c>
      <c r="H34" s="10" t="s">
        <v>69</v>
      </c>
      <c r="J34" s="10" t="s">
        <v>1593</v>
      </c>
      <c r="K34" s="10" t="s">
        <v>1064</v>
      </c>
      <c r="N34" s="10" t="s">
        <v>252</v>
      </c>
      <c r="O34" s="10" t="s">
        <v>2350</v>
      </c>
      <c r="P34" s="10" t="s">
        <v>1065</v>
      </c>
    </row>
    <row r="35" spans="1:16" s="10" customFormat="1" ht="56.25">
      <c r="A35" s="10" t="s">
        <v>777</v>
      </c>
      <c r="B35" s="10" t="s">
        <v>1340</v>
      </c>
      <c r="E35" s="10" t="s">
        <v>1066</v>
      </c>
      <c r="F35" s="10" t="s">
        <v>1067</v>
      </c>
      <c r="G35" s="10" t="s">
        <v>1067</v>
      </c>
      <c r="H35" s="10" t="s">
        <v>69</v>
      </c>
      <c r="J35" s="10" t="s">
        <v>1068</v>
      </c>
      <c r="K35" s="10" t="s">
        <v>1069</v>
      </c>
      <c r="N35" s="10" t="s">
        <v>252</v>
      </c>
      <c r="O35" s="10" t="s">
        <v>2350</v>
      </c>
    </row>
    <row r="36" spans="1:16" s="10" customFormat="1" ht="22.5">
      <c r="A36" s="10" t="s">
        <v>777</v>
      </c>
      <c r="B36" s="10" t="s">
        <v>1340</v>
      </c>
      <c r="E36" s="10" t="s">
        <v>1066</v>
      </c>
      <c r="F36" s="10" t="s">
        <v>1070</v>
      </c>
      <c r="G36" s="10" t="s">
        <v>1070</v>
      </c>
      <c r="H36" s="10" t="s">
        <v>69</v>
      </c>
      <c r="J36" s="10" t="s">
        <v>1071</v>
      </c>
      <c r="K36" s="10" t="s">
        <v>1072</v>
      </c>
      <c r="N36" s="10" t="s">
        <v>252</v>
      </c>
      <c r="O36" s="10" t="s">
        <v>2350</v>
      </c>
    </row>
    <row r="37" spans="1:16" s="10" customFormat="1" ht="123.75">
      <c r="A37" s="10" t="s">
        <v>777</v>
      </c>
      <c r="B37" s="10" t="s">
        <v>230</v>
      </c>
      <c r="E37" s="17" t="s">
        <v>2400</v>
      </c>
      <c r="F37" s="10" t="s">
        <v>2401</v>
      </c>
      <c r="G37" s="10" t="s">
        <v>2401</v>
      </c>
      <c r="H37" s="10" t="s">
        <v>233</v>
      </c>
      <c r="J37" s="10" t="s">
        <v>1594</v>
      </c>
      <c r="K37" s="10" t="s">
        <v>193</v>
      </c>
      <c r="N37" s="10" t="s">
        <v>252</v>
      </c>
      <c r="O37" s="10" t="s">
        <v>2350</v>
      </c>
    </row>
    <row r="38" spans="1:16" s="10" customFormat="1" ht="315">
      <c r="A38" s="10" t="s">
        <v>777</v>
      </c>
      <c r="B38" s="10" t="s">
        <v>1073</v>
      </c>
      <c r="E38" s="10" t="s">
        <v>2402</v>
      </c>
      <c r="F38" s="10" t="s">
        <v>2403</v>
      </c>
      <c r="G38" s="10" t="s">
        <v>2403</v>
      </c>
      <c r="H38" s="10" t="s">
        <v>69</v>
      </c>
      <c r="J38" s="10" t="s">
        <v>1074</v>
      </c>
      <c r="K38" s="10" t="s">
        <v>1148</v>
      </c>
      <c r="N38" s="10" t="s">
        <v>252</v>
      </c>
      <c r="O38" s="10" t="s">
        <v>2350</v>
      </c>
    </row>
    <row r="39" spans="1:16" s="10" customFormat="1" ht="67.5" customHeight="1">
      <c r="A39" s="10" t="s">
        <v>777</v>
      </c>
      <c r="B39" s="10" t="s">
        <v>1337</v>
      </c>
      <c r="E39" s="10" t="s">
        <v>2404</v>
      </c>
      <c r="F39" s="10" t="s">
        <v>2405</v>
      </c>
      <c r="G39" s="10" t="s">
        <v>2405</v>
      </c>
      <c r="H39" s="10" t="s">
        <v>69</v>
      </c>
      <c r="J39" s="10" t="s">
        <v>1075</v>
      </c>
      <c r="K39" s="10" t="s">
        <v>1076</v>
      </c>
      <c r="N39" s="10" t="s">
        <v>252</v>
      </c>
      <c r="O39" s="10" t="s">
        <v>2350</v>
      </c>
    </row>
    <row r="40" spans="1:16" s="10" customFormat="1" ht="123.75">
      <c r="A40" s="10" t="s">
        <v>777</v>
      </c>
      <c r="B40" s="10" t="s">
        <v>1335</v>
      </c>
      <c r="E40" s="10" t="s">
        <v>2406</v>
      </c>
      <c r="F40" s="10" t="s">
        <v>2407</v>
      </c>
      <c r="G40" s="10" t="s">
        <v>2407</v>
      </c>
      <c r="H40" s="10" t="s">
        <v>69</v>
      </c>
      <c r="J40" s="10" t="s">
        <v>1077</v>
      </c>
      <c r="K40" s="10" t="s">
        <v>1078</v>
      </c>
      <c r="N40" s="10" t="s">
        <v>252</v>
      </c>
      <c r="O40" s="10" t="s">
        <v>2350</v>
      </c>
    </row>
    <row r="41" spans="1:16" s="10" customFormat="1" ht="104.25" customHeight="1">
      <c r="A41" s="10" t="s">
        <v>777</v>
      </c>
      <c r="B41" s="10" t="s">
        <v>1337</v>
      </c>
      <c r="E41" s="10" t="s">
        <v>2408</v>
      </c>
      <c r="F41" s="10" t="s">
        <v>2409</v>
      </c>
      <c r="G41" s="10" t="s">
        <v>2409</v>
      </c>
      <c r="H41" s="10" t="s">
        <v>69</v>
      </c>
      <c r="J41" s="10" t="s">
        <v>1079</v>
      </c>
      <c r="K41" s="10" t="s">
        <v>1078</v>
      </c>
      <c r="N41" s="10" t="s">
        <v>252</v>
      </c>
      <c r="O41" s="10" t="s">
        <v>2350</v>
      </c>
    </row>
    <row r="42" spans="1:16" s="10" customFormat="1" ht="40.5" customHeight="1">
      <c r="A42" s="10" t="s">
        <v>777</v>
      </c>
      <c r="B42" s="10" t="s">
        <v>1335</v>
      </c>
      <c r="E42" s="3" t="s">
        <v>901</v>
      </c>
      <c r="F42" s="3" t="s">
        <v>910</v>
      </c>
      <c r="G42" s="3" t="s">
        <v>910</v>
      </c>
      <c r="H42" s="10" t="s">
        <v>69</v>
      </c>
      <c r="J42" s="10" t="s">
        <v>1080</v>
      </c>
      <c r="K42" s="10" t="s">
        <v>1078</v>
      </c>
      <c r="N42" s="10" t="s">
        <v>252</v>
      </c>
      <c r="O42" s="10" t="s">
        <v>2350</v>
      </c>
      <c r="P42" s="3" t="s">
        <v>2410</v>
      </c>
    </row>
    <row r="43" spans="1:16" s="10" customFormat="1" ht="43.5" customHeight="1">
      <c r="A43" s="10" t="s">
        <v>777</v>
      </c>
      <c r="B43" s="10" t="s">
        <v>1335</v>
      </c>
      <c r="E43" s="3" t="s">
        <v>901</v>
      </c>
      <c r="F43" s="3" t="s">
        <v>911</v>
      </c>
      <c r="G43" s="3" t="s">
        <v>911</v>
      </c>
      <c r="H43" s="10" t="s">
        <v>69</v>
      </c>
      <c r="J43" s="10" t="s">
        <v>1081</v>
      </c>
      <c r="K43" s="10" t="s">
        <v>1082</v>
      </c>
      <c r="N43" s="10" t="s">
        <v>252</v>
      </c>
      <c r="O43" s="10" t="s">
        <v>2350</v>
      </c>
      <c r="P43" s="3" t="s">
        <v>2410</v>
      </c>
    </row>
    <row r="44" spans="1:16" s="10" customFormat="1" ht="60" customHeight="1">
      <c r="A44" s="10" t="s">
        <v>777</v>
      </c>
      <c r="B44" s="10" t="s">
        <v>1335</v>
      </c>
      <c r="E44" s="3" t="s">
        <v>901</v>
      </c>
      <c r="F44" s="3" t="s">
        <v>1083</v>
      </c>
      <c r="G44" s="3" t="s">
        <v>1083</v>
      </c>
      <c r="H44" s="10" t="s">
        <v>69</v>
      </c>
      <c r="J44" s="10" t="s">
        <v>1595</v>
      </c>
      <c r="K44" s="10" t="s">
        <v>1084</v>
      </c>
      <c r="N44" s="10" t="s">
        <v>252</v>
      </c>
      <c r="O44" s="10" t="s">
        <v>2350</v>
      </c>
      <c r="P44" s="3" t="s">
        <v>2410</v>
      </c>
    </row>
    <row r="45" spans="1:16" s="10" customFormat="1" ht="42" customHeight="1">
      <c r="A45" s="10" t="s">
        <v>777</v>
      </c>
      <c r="B45" s="10" t="s">
        <v>1335</v>
      </c>
      <c r="E45" s="3" t="s">
        <v>901</v>
      </c>
      <c r="F45" s="3" t="s">
        <v>912</v>
      </c>
      <c r="G45" s="3" t="s">
        <v>916</v>
      </c>
      <c r="H45" s="10" t="s">
        <v>69</v>
      </c>
      <c r="J45" s="10" t="s">
        <v>1085</v>
      </c>
      <c r="K45" s="10" t="s">
        <v>1082</v>
      </c>
      <c r="N45" s="10" t="s">
        <v>252</v>
      </c>
      <c r="O45" s="10" t="s">
        <v>2350</v>
      </c>
      <c r="P45" s="3" t="s">
        <v>2410</v>
      </c>
    </row>
    <row r="46" spans="1:16" s="10" customFormat="1" ht="22.5">
      <c r="A46" s="10" t="s">
        <v>777</v>
      </c>
      <c r="B46" s="10" t="s">
        <v>900</v>
      </c>
      <c r="E46" s="10" t="s">
        <v>904</v>
      </c>
      <c r="F46" s="10" t="s">
        <v>914</v>
      </c>
      <c r="G46" s="10" t="s">
        <v>914</v>
      </c>
      <c r="H46" s="10" t="s">
        <v>69</v>
      </c>
      <c r="J46" s="10" t="s">
        <v>927</v>
      </c>
      <c r="K46" s="10" t="s">
        <v>904</v>
      </c>
      <c r="N46" s="10" t="s">
        <v>904</v>
      </c>
      <c r="O46" s="10" t="s">
        <v>904</v>
      </c>
    </row>
    <row r="47" spans="1:16" s="10" customFormat="1" ht="22.5">
      <c r="A47" s="10" t="s">
        <v>777</v>
      </c>
      <c r="B47" s="10" t="s">
        <v>900</v>
      </c>
      <c r="E47" s="10" t="s">
        <v>904</v>
      </c>
      <c r="F47" s="10" t="s">
        <v>915</v>
      </c>
      <c r="G47" s="10" t="s">
        <v>915</v>
      </c>
      <c r="H47" s="10" t="s">
        <v>69</v>
      </c>
      <c r="J47" s="10" t="s">
        <v>928</v>
      </c>
      <c r="K47" s="10" t="s">
        <v>904</v>
      </c>
      <c r="N47" s="10" t="s">
        <v>904</v>
      </c>
      <c r="O47" s="10" t="s">
        <v>904</v>
      </c>
    </row>
    <row r="48" spans="1:16" s="10" customFormat="1" ht="78.75">
      <c r="A48" s="10" t="s">
        <v>777</v>
      </c>
      <c r="B48" s="10" t="s">
        <v>1336</v>
      </c>
      <c r="E48" s="10" t="s">
        <v>2411</v>
      </c>
      <c r="F48" s="10" t="s">
        <v>2412</v>
      </c>
      <c r="G48" s="10" t="s">
        <v>2412</v>
      </c>
      <c r="H48" s="10" t="s">
        <v>69</v>
      </c>
      <c r="J48" s="10" t="s">
        <v>1088</v>
      </c>
      <c r="K48" s="10" t="s">
        <v>1089</v>
      </c>
      <c r="N48" s="10" t="s">
        <v>1086</v>
      </c>
      <c r="O48" s="10" t="s">
        <v>2413</v>
      </c>
      <c r="P48" s="10" t="s">
        <v>1090</v>
      </c>
    </row>
    <row r="49" spans="1:16" s="10" customFormat="1" ht="191.25">
      <c r="A49" s="10" t="s">
        <v>777</v>
      </c>
      <c r="B49" s="10" t="s">
        <v>1091</v>
      </c>
      <c r="E49" s="10" t="s">
        <v>2414</v>
      </c>
      <c r="F49" s="10" t="s">
        <v>2415</v>
      </c>
      <c r="G49" s="10" t="s">
        <v>2415</v>
      </c>
      <c r="H49" s="10" t="s">
        <v>69</v>
      </c>
      <c r="J49" s="10" t="s">
        <v>1093</v>
      </c>
      <c r="K49" s="10" t="s">
        <v>1094</v>
      </c>
      <c r="N49" s="10" t="s">
        <v>252</v>
      </c>
      <c r="O49" s="10" t="s">
        <v>2350</v>
      </c>
      <c r="P49" s="10" t="s">
        <v>2416</v>
      </c>
    </row>
    <row r="50" spans="1:16" s="10" customFormat="1" ht="191.25">
      <c r="A50" s="10" t="s">
        <v>777</v>
      </c>
      <c r="B50" s="10" t="s">
        <v>1091</v>
      </c>
      <c r="E50" s="10" t="s">
        <v>2414</v>
      </c>
      <c r="F50" s="10" t="s">
        <v>2417</v>
      </c>
      <c r="G50" s="10" t="s">
        <v>2417</v>
      </c>
      <c r="H50" s="10" t="s">
        <v>69</v>
      </c>
      <c r="K50" s="10" t="s">
        <v>28</v>
      </c>
      <c r="N50" s="10" t="s">
        <v>252</v>
      </c>
      <c r="O50" s="10" t="s">
        <v>2350</v>
      </c>
      <c r="P50" s="10" t="s">
        <v>2416</v>
      </c>
    </row>
    <row r="51" spans="1:16" s="10" customFormat="1" ht="191.25">
      <c r="A51" s="10" t="s">
        <v>777</v>
      </c>
      <c r="B51" s="10" t="s">
        <v>1091</v>
      </c>
      <c r="E51" s="10" t="s">
        <v>2418</v>
      </c>
      <c r="F51" s="10" t="s">
        <v>2419</v>
      </c>
      <c r="G51" s="10" t="s">
        <v>1096</v>
      </c>
      <c r="H51" s="10" t="s">
        <v>69</v>
      </c>
      <c r="J51" s="10" t="s">
        <v>1097</v>
      </c>
      <c r="K51" s="10" t="s">
        <v>1098</v>
      </c>
      <c r="N51" s="10" t="s">
        <v>252</v>
      </c>
      <c r="O51" s="10" t="s">
        <v>2350</v>
      </c>
      <c r="P51" s="10" t="s">
        <v>1095</v>
      </c>
    </row>
    <row r="52" spans="1:16" s="10" customFormat="1" ht="191.25">
      <c r="A52" s="10" t="s">
        <v>777</v>
      </c>
      <c r="B52" s="10" t="s">
        <v>1091</v>
      </c>
      <c r="E52" s="10" t="s">
        <v>2418</v>
      </c>
      <c r="F52" s="10" t="s">
        <v>2420</v>
      </c>
      <c r="G52" s="10" t="s">
        <v>2420</v>
      </c>
      <c r="H52" s="10" t="s">
        <v>69</v>
      </c>
      <c r="J52" s="10" t="s">
        <v>1100</v>
      </c>
      <c r="K52" s="10" t="s">
        <v>1101</v>
      </c>
      <c r="N52" s="10" t="s">
        <v>252</v>
      </c>
      <c r="O52" s="10" t="s">
        <v>2350</v>
      </c>
      <c r="P52" s="10" t="s">
        <v>1095</v>
      </c>
    </row>
    <row r="53" spans="1:16" s="10" customFormat="1" ht="191.25">
      <c r="A53" s="10" t="s">
        <v>777</v>
      </c>
      <c r="B53" s="10" t="s">
        <v>1091</v>
      </c>
      <c r="E53" s="10" t="s">
        <v>2418</v>
      </c>
      <c r="F53" s="10" t="s">
        <v>2421</v>
      </c>
      <c r="G53" s="10" t="s">
        <v>2421</v>
      </c>
      <c r="H53" s="10" t="s">
        <v>69</v>
      </c>
      <c r="J53" s="10" t="s">
        <v>1102</v>
      </c>
      <c r="K53" s="10" t="s">
        <v>1101</v>
      </c>
      <c r="N53" s="10" t="s">
        <v>252</v>
      </c>
      <c r="O53" s="10" t="s">
        <v>2350</v>
      </c>
      <c r="P53" s="10" t="s">
        <v>1095</v>
      </c>
    </row>
    <row r="54" spans="1:16" s="10" customFormat="1" ht="191.25">
      <c r="A54" s="10" t="s">
        <v>777</v>
      </c>
      <c r="B54" s="10" t="s">
        <v>1091</v>
      </c>
      <c r="E54" s="10" t="s">
        <v>2418</v>
      </c>
      <c r="F54" s="10" t="s">
        <v>2422</v>
      </c>
      <c r="G54" s="10" t="s">
        <v>71</v>
      </c>
      <c r="H54" s="10" t="s">
        <v>69</v>
      </c>
      <c r="J54" s="10" t="s">
        <v>1597</v>
      </c>
      <c r="K54" s="10" t="s">
        <v>1598</v>
      </c>
      <c r="N54" s="10" t="s">
        <v>252</v>
      </c>
      <c r="O54" s="10" t="s">
        <v>2350</v>
      </c>
      <c r="P54" s="10" t="s">
        <v>1095</v>
      </c>
    </row>
    <row r="55" spans="1:16" s="10" customFormat="1" ht="191.25">
      <c r="A55" s="10" t="s">
        <v>777</v>
      </c>
      <c r="B55" s="10" t="s">
        <v>1091</v>
      </c>
      <c r="E55" s="10" t="s">
        <v>2418</v>
      </c>
      <c r="F55" s="10" t="s">
        <v>2423</v>
      </c>
      <c r="G55" s="10" t="s">
        <v>2423</v>
      </c>
      <c r="H55" s="10" t="s">
        <v>69</v>
      </c>
      <c r="J55" s="10" t="s">
        <v>1104</v>
      </c>
      <c r="K55" s="10" t="s">
        <v>1105</v>
      </c>
      <c r="N55" s="10" t="s">
        <v>252</v>
      </c>
      <c r="O55" s="10" t="s">
        <v>2350</v>
      </c>
      <c r="P55" s="10" t="s">
        <v>1095</v>
      </c>
    </row>
    <row r="56" spans="1:16" s="10" customFormat="1" ht="191.25">
      <c r="A56" s="10" t="s">
        <v>777</v>
      </c>
      <c r="B56" s="10" t="s">
        <v>1091</v>
      </c>
      <c r="E56" s="10" t="s">
        <v>2418</v>
      </c>
      <c r="F56" s="10" t="s">
        <v>2424</v>
      </c>
      <c r="G56" s="10" t="s">
        <v>2424</v>
      </c>
      <c r="J56" s="10" t="s">
        <v>1107</v>
      </c>
      <c r="O56" s="10" t="s">
        <v>2350</v>
      </c>
      <c r="P56" s="10" t="s">
        <v>2425</v>
      </c>
    </row>
    <row r="57" spans="1:16" s="10" customFormat="1" ht="191.25">
      <c r="A57" s="10" t="s">
        <v>777</v>
      </c>
      <c r="B57" s="10" t="s">
        <v>1091</v>
      </c>
      <c r="E57" s="10" t="s">
        <v>2426</v>
      </c>
      <c r="F57" s="10" t="s">
        <v>2427</v>
      </c>
      <c r="G57" s="10" t="s">
        <v>2427</v>
      </c>
      <c r="O57" s="10" t="s">
        <v>2350</v>
      </c>
      <c r="P57" s="10" t="s">
        <v>1095</v>
      </c>
    </row>
    <row r="58" spans="1:16" s="10" customFormat="1" ht="45">
      <c r="A58" s="10" t="s">
        <v>777</v>
      </c>
      <c r="B58" s="10" t="s">
        <v>1108</v>
      </c>
      <c r="E58" s="20" t="s">
        <v>2428</v>
      </c>
      <c r="F58" s="10" t="s">
        <v>2429</v>
      </c>
      <c r="G58" s="10" t="s">
        <v>2430</v>
      </c>
      <c r="H58" s="10" t="s">
        <v>252</v>
      </c>
      <c r="J58" s="10" t="s">
        <v>944</v>
      </c>
    </row>
    <row r="59" spans="1:16" s="10" customFormat="1" ht="45">
      <c r="A59" s="10" t="s">
        <v>777</v>
      </c>
      <c r="B59" s="10" t="s">
        <v>1108</v>
      </c>
      <c r="E59" s="20" t="s">
        <v>2428</v>
      </c>
      <c r="F59" s="20" t="s">
        <v>2431</v>
      </c>
      <c r="G59" s="20" t="s">
        <v>2431</v>
      </c>
      <c r="H59" s="10" t="s">
        <v>252</v>
      </c>
      <c r="J59" s="10" t="s">
        <v>255</v>
      </c>
    </row>
    <row r="60" spans="1:16" s="10" customFormat="1" ht="45">
      <c r="A60" s="10" t="s">
        <v>777</v>
      </c>
      <c r="B60" s="10" t="s">
        <v>1108</v>
      </c>
      <c r="E60" s="20" t="s">
        <v>2428</v>
      </c>
      <c r="F60" s="10" t="s">
        <v>2432</v>
      </c>
      <c r="G60" s="10" t="s">
        <v>2432</v>
      </c>
      <c r="H60" s="10" t="s">
        <v>252</v>
      </c>
      <c r="J60" s="10" t="s">
        <v>1109</v>
      </c>
      <c r="K60" s="10" t="s">
        <v>1599</v>
      </c>
      <c r="N60" s="10" t="s">
        <v>12</v>
      </c>
    </row>
    <row r="61" spans="1:16" s="10" customFormat="1" ht="331.5" customHeight="1">
      <c r="A61" s="10" t="s">
        <v>777</v>
      </c>
      <c r="B61" s="10" t="s">
        <v>1108</v>
      </c>
      <c r="E61" s="10" t="s">
        <v>2433</v>
      </c>
      <c r="F61" s="10" t="s">
        <v>247</v>
      </c>
      <c r="G61" s="10" t="s">
        <v>253</v>
      </c>
      <c r="H61" s="10" t="s">
        <v>252</v>
      </c>
      <c r="J61" s="10" t="s">
        <v>256</v>
      </c>
      <c r="K61" s="10" t="s">
        <v>1110</v>
      </c>
      <c r="N61" s="10" t="s">
        <v>12</v>
      </c>
      <c r="P61" s="10" t="s">
        <v>1600</v>
      </c>
    </row>
    <row r="62" spans="1:16" s="10" customFormat="1" ht="67.5">
      <c r="A62" s="10" t="s">
        <v>777</v>
      </c>
      <c r="B62" s="10" t="s">
        <v>1108</v>
      </c>
      <c r="E62" s="10" t="s">
        <v>246</v>
      </c>
      <c r="F62" s="10" t="s">
        <v>248</v>
      </c>
      <c r="G62" s="10" t="s">
        <v>1111</v>
      </c>
      <c r="H62" s="10" t="s">
        <v>252</v>
      </c>
      <c r="J62" s="10" t="s">
        <v>257</v>
      </c>
      <c r="K62" s="10" t="s">
        <v>1112</v>
      </c>
      <c r="N62" s="10" t="s">
        <v>12</v>
      </c>
      <c r="P62" s="10" t="s">
        <v>1113</v>
      </c>
    </row>
    <row r="63" spans="1:16" s="10" customFormat="1" ht="33.75">
      <c r="A63" s="10" t="s">
        <v>777</v>
      </c>
      <c r="B63" s="10" t="s">
        <v>1108</v>
      </c>
      <c r="E63" s="10" t="s">
        <v>246</v>
      </c>
      <c r="F63" s="10" t="s">
        <v>941</v>
      </c>
      <c r="G63" s="10" t="s">
        <v>943</v>
      </c>
      <c r="H63" s="10" t="s">
        <v>252</v>
      </c>
      <c r="J63" s="10" t="s">
        <v>1114</v>
      </c>
      <c r="K63" s="10" t="s">
        <v>949</v>
      </c>
      <c r="N63" s="10" t="s">
        <v>12</v>
      </c>
    </row>
    <row r="64" spans="1:16" s="10" customFormat="1" ht="45">
      <c r="A64" s="10" t="s">
        <v>777</v>
      </c>
      <c r="B64" s="10" t="s">
        <v>1108</v>
      </c>
      <c r="E64" s="10" t="s">
        <v>2433</v>
      </c>
      <c r="F64" s="10" t="s">
        <v>1115</v>
      </c>
      <c r="G64" s="10" t="s">
        <v>1116</v>
      </c>
      <c r="H64" s="10" t="s">
        <v>252</v>
      </c>
      <c r="J64" s="10" t="s">
        <v>1601</v>
      </c>
      <c r="K64" s="10" t="s">
        <v>950</v>
      </c>
      <c r="N64" s="10" t="s">
        <v>12</v>
      </c>
      <c r="P64" s="10" t="s">
        <v>1602</v>
      </c>
    </row>
    <row r="65" spans="1:16" s="10" customFormat="1" ht="45">
      <c r="A65" s="10" t="s">
        <v>777</v>
      </c>
      <c r="B65" s="10" t="s">
        <v>1108</v>
      </c>
      <c r="E65" s="10" t="s">
        <v>2433</v>
      </c>
      <c r="F65" s="10" t="s">
        <v>942</v>
      </c>
      <c r="G65" s="10" t="s">
        <v>942</v>
      </c>
      <c r="H65" s="10" t="s">
        <v>252</v>
      </c>
      <c r="J65" s="10" t="s">
        <v>945</v>
      </c>
      <c r="K65" s="10" t="s">
        <v>951</v>
      </c>
      <c r="N65" s="10" t="s">
        <v>12</v>
      </c>
    </row>
    <row r="66" spans="1:16" s="10" customFormat="1" ht="303.75">
      <c r="A66" s="10" t="s">
        <v>777</v>
      </c>
      <c r="B66" s="10" t="s">
        <v>1108</v>
      </c>
      <c r="E66" s="10" t="s">
        <v>2433</v>
      </c>
      <c r="F66" s="10" t="s">
        <v>249</v>
      </c>
      <c r="G66" s="10" t="s">
        <v>254</v>
      </c>
      <c r="H66" s="10" t="s">
        <v>252</v>
      </c>
      <c r="J66" s="10" t="s">
        <v>258</v>
      </c>
      <c r="K66" s="10" t="s">
        <v>1603</v>
      </c>
      <c r="N66" s="10" t="s">
        <v>12</v>
      </c>
    </row>
    <row r="67" spans="1:16" s="10" customFormat="1" ht="33.75">
      <c r="A67" s="10" t="s">
        <v>777</v>
      </c>
      <c r="B67" s="10" t="s">
        <v>1108</v>
      </c>
      <c r="E67" s="10" t="s">
        <v>246</v>
      </c>
      <c r="F67" s="10" t="s">
        <v>250</v>
      </c>
      <c r="G67" s="10" t="s">
        <v>250</v>
      </c>
      <c r="H67" s="10" t="s">
        <v>252</v>
      </c>
      <c r="J67" s="10" t="s">
        <v>1604</v>
      </c>
      <c r="K67" s="10" t="s">
        <v>1117</v>
      </c>
      <c r="N67" s="10" t="s">
        <v>12</v>
      </c>
    </row>
    <row r="68" spans="1:16" s="10" customFormat="1" ht="225">
      <c r="A68" s="10" t="s">
        <v>777</v>
      </c>
      <c r="B68" s="10" t="s">
        <v>1108</v>
      </c>
      <c r="E68" s="10" t="s">
        <v>2433</v>
      </c>
      <c r="F68" s="10" t="s">
        <v>2434</v>
      </c>
      <c r="G68" s="10" t="s">
        <v>2434</v>
      </c>
      <c r="H68" s="10" t="s">
        <v>252</v>
      </c>
      <c r="J68" s="10" t="s">
        <v>1118</v>
      </c>
      <c r="K68" s="10" t="s">
        <v>1605</v>
      </c>
      <c r="N68" s="10" t="s">
        <v>12</v>
      </c>
      <c r="P68" s="10" t="s">
        <v>1119</v>
      </c>
    </row>
    <row r="69" spans="1:16" s="10" customFormat="1" ht="56.25">
      <c r="A69" s="10" t="s">
        <v>777</v>
      </c>
      <c r="B69" s="10" t="s">
        <v>1108</v>
      </c>
      <c r="E69" s="20" t="s">
        <v>2435</v>
      </c>
      <c r="F69" s="10" t="s">
        <v>2436</v>
      </c>
      <c r="G69" s="10" t="s">
        <v>2437</v>
      </c>
      <c r="H69" s="10" t="s">
        <v>252</v>
      </c>
      <c r="J69" s="10" t="s">
        <v>946</v>
      </c>
      <c r="K69" s="10" t="s">
        <v>1120</v>
      </c>
      <c r="N69" s="10" t="s">
        <v>12</v>
      </c>
    </row>
    <row r="70" spans="1:16" s="10" customFormat="1" ht="56.25">
      <c r="A70" s="10" t="s">
        <v>777</v>
      </c>
      <c r="B70" s="10" t="s">
        <v>1108</v>
      </c>
      <c r="E70" s="20" t="s">
        <v>2435</v>
      </c>
      <c r="F70" s="20" t="s">
        <v>2438</v>
      </c>
      <c r="G70" s="20" t="s">
        <v>2439</v>
      </c>
      <c r="H70" s="10" t="s">
        <v>252</v>
      </c>
      <c r="J70" s="10" t="s">
        <v>947</v>
      </c>
      <c r="K70" s="10" t="s">
        <v>1121</v>
      </c>
      <c r="N70" s="10" t="s">
        <v>12</v>
      </c>
    </row>
    <row r="71" spans="1:16" s="10" customFormat="1" ht="56.25">
      <c r="A71" s="10" t="s">
        <v>777</v>
      </c>
      <c r="B71" s="10" t="s">
        <v>1108</v>
      </c>
      <c r="E71" s="20" t="s">
        <v>2435</v>
      </c>
      <c r="F71" s="10" t="s">
        <v>249</v>
      </c>
      <c r="G71" s="10" t="s">
        <v>249</v>
      </c>
      <c r="H71" s="10" t="s">
        <v>252</v>
      </c>
      <c r="J71" s="10" t="s">
        <v>948</v>
      </c>
      <c r="K71" s="10" t="s">
        <v>952</v>
      </c>
      <c r="N71" s="10" t="s">
        <v>12</v>
      </c>
      <c r="P71" s="10" t="s">
        <v>2440</v>
      </c>
    </row>
    <row r="72" spans="1:16" s="10" customFormat="1" ht="56.25">
      <c r="A72" s="10" t="s">
        <v>777</v>
      </c>
      <c r="B72" s="10" t="s">
        <v>1108</v>
      </c>
      <c r="E72" s="20" t="s">
        <v>2435</v>
      </c>
      <c r="F72" s="10" t="s">
        <v>251</v>
      </c>
      <c r="G72" s="10" t="s">
        <v>251</v>
      </c>
      <c r="H72" s="10" t="s">
        <v>252</v>
      </c>
      <c r="J72" s="10" t="s">
        <v>259</v>
      </c>
      <c r="K72" s="10" t="s">
        <v>953</v>
      </c>
      <c r="N72" s="10" t="s">
        <v>12</v>
      </c>
    </row>
    <row r="73" spans="1:16" s="10" customFormat="1" ht="56.25">
      <c r="A73" s="10" t="s">
        <v>777</v>
      </c>
      <c r="B73" s="10" t="s">
        <v>1108</v>
      </c>
      <c r="E73" s="20" t="s">
        <v>2435</v>
      </c>
      <c r="F73" s="20" t="s">
        <v>2441</v>
      </c>
      <c r="G73" s="20" t="s">
        <v>2441</v>
      </c>
      <c r="H73" s="10" t="s">
        <v>252</v>
      </c>
      <c r="J73" s="10" t="s">
        <v>260</v>
      </c>
      <c r="K73" s="10" t="s">
        <v>954</v>
      </c>
      <c r="N73" s="10" t="s">
        <v>12</v>
      </c>
    </row>
    <row r="74" spans="1:16" s="10" customFormat="1" ht="303.75">
      <c r="A74" s="10" t="s">
        <v>777</v>
      </c>
      <c r="B74" s="10" t="s">
        <v>1108</v>
      </c>
      <c r="E74" s="10" t="s">
        <v>2442</v>
      </c>
      <c r="F74" s="10" t="s">
        <v>2443</v>
      </c>
      <c r="G74" s="10" t="s">
        <v>2444</v>
      </c>
      <c r="H74" s="10" t="s">
        <v>252</v>
      </c>
      <c r="J74" s="10" t="s">
        <v>261</v>
      </c>
      <c r="K74" s="10" t="s">
        <v>955</v>
      </c>
      <c r="N74" s="10" t="s">
        <v>12</v>
      </c>
      <c r="P74" s="10" t="s">
        <v>1606</v>
      </c>
    </row>
    <row r="75" spans="1:16" s="10" customFormat="1" ht="168.75">
      <c r="A75" s="10" t="s">
        <v>777</v>
      </c>
      <c r="B75" s="10" t="s">
        <v>1122</v>
      </c>
      <c r="E75" s="10" t="s">
        <v>901</v>
      </c>
      <c r="F75" s="10" t="s">
        <v>1092</v>
      </c>
      <c r="G75" s="10" t="s">
        <v>1092</v>
      </c>
      <c r="H75" s="10" t="s">
        <v>229</v>
      </c>
      <c r="J75" s="10" t="s">
        <v>1093</v>
      </c>
      <c r="K75" s="10" t="s">
        <v>1094</v>
      </c>
      <c r="N75" s="10" t="s">
        <v>252</v>
      </c>
      <c r="P75" s="10" t="s">
        <v>1368</v>
      </c>
    </row>
    <row r="76" spans="1:16" s="10" customFormat="1" ht="168.75">
      <c r="A76" s="10" t="s">
        <v>777</v>
      </c>
      <c r="B76" s="10" t="s">
        <v>1122</v>
      </c>
      <c r="E76" s="10" t="s">
        <v>2445</v>
      </c>
      <c r="F76" s="10" t="s">
        <v>70</v>
      </c>
      <c r="G76" s="10" t="s">
        <v>70</v>
      </c>
      <c r="H76" s="10" t="s">
        <v>229</v>
      </c>
      <c r="K76" s="10" t="s">
        <v>28</v>
      </c>
      <c r="N76" s="10" t="s">
        <v>252</v>
      </c>
      <c r="P76" s="10" t="s">
        <v>1368</v>
      </c>
    </row>
    <row r="77" spans="1:16" s="10" customFormat="1" ht="168.75">
      <c r="A77" s="10" t="s">
        <v>777</v>
      </c>
      <c r="B77" s="10" t="s">
        <v>1122</v>
      </c>
      <c r="E77" s="10" t="s">
        <v>2445</v>
      </c>
      <c r="F77" s="3" t="s">
        <v>1096</v>
      </c>
      <c r="G77" s="3" t="s">
        <v>1096</v>
      </c>
      <c r="H77" s="10" t="s">
        <v>69</v>
      </c>
      <c r="J77" s="10" t="s">
        <v>1097</v>
      </c>
      <c r="K77" s="10" t="s">
        <v>1098</v>
      </c>
      <c r="N77" s="10" t="s">
        <v>252</v>
      </c>
      <c r="P77" s="10" t="s">
        <v>1367</v>
      </c>
    </row>
    <row r="78" spans="1:16" s="10" customFormat="1" ht="168.75">
      <c r="A78" s="10" t="s">
        <v>777</v>
      </c>
      <c r="B78" s="10" t="s">
        <v>1122</v>
      </c>
      <c r="E78" s="10" t="s">
        <v>2445</v>
      </c>
      <c r="F78" s="10" t="s">
        <v>1099</v>
      </c>
      <c r="G78" s="10" t="s">
        <v>1099</v>
      </c>
      <c r="H78" s="10" t="s">
        <v>229</v>
      </c>
      <c r="J78" s="10" t="s">
        <v>1100</v>
      </c>
      <c r="K78" s="10" t="s">
        <v>1101</v>
      </c>
      <c r="N78" s="10" t="s">
        <v>252</v>
      </c>
      <c r="P78" s="10" t="s">
        <v>1123</v>
      </c>
    </row>
    <row r="79" spans="1:16" s="10" customFormat="1" ht="168.75">
      <c r="A79" s="10" t="s">
        <v>777</v>
      </c>
      <c r="B79" s="10" t="s">
        <v>1122</v>
      </c>
      <c r="E79" s="10" t="s">
        <v>901</v>
      </c>
      <c r="F79" s="10" t="s">
        <v>1596</v>
      </c>
      <c r="G79" s="10" t="s">
        <v>71</v>
      </c>
      <c r="H79" s="10" t="s">
        <v>229</v>
      </c>
      <c r="J79" s="10" t="s">
        <v>1124</v>
      </c>
      <c r="K79" s="10" t="s">
        <v>1125</v>
      </c>
      <c r="N79" s="10" t="s">
        <v>252</v>
      </c>
      <c r="P79" s="10" t="s">
        <v>1123</v>
      </c>
    </row>
    <row r="80" spans="1:16" s="10" customFormat="1" ht="168.75">
      <c r="A80" s="10" t="s">
        <v>777</v>
      </c>
      <c r="B80" s="10" t="s">
        <v>1122</v>
      </c>
      <c r="E80" s="10" t="s">
        <v>2445</v>
      </c>
      <c r="F80" s="10" t="s">
        <v>1607</v>
      </c>
      <c r="G80" s="10" t="s">
        <v>1103</v>
      </c>
      <c r="H80" s="25" t="s">
        <v>69</v>
      </c>
      <c r="I80" s="39"/>
      <c r="J80" s="10" t="s">
        <v>1126</v>
      </c>
      <c r="K80" s="10" t="s">
        <v>1105</v>
      </c>
      <c r="N80" s="10" t="s">
        <v>252</v>
      </c>
      <c r="P80" s="10" t="s">
        <v>1123</v>
      </c>
    </row>
    <row r="81" spans="1:16" s="10" customFormat="1" ht="168.75">
      <c r="A81" s="10" t="s">
        <v>777</v>
      </c>
      <c r="B81" s="10" t="s">
        <v>1122</v>
      </c>
      <c r="E81" s="10" t="s">
        <v>2445</v>
      </c>
      <c r="F81" s="3" t="s">
        <v>1106</v>
      </c>
      <c r="G81" s="3" t="s">
        <v>1106</v>
      </c>
      <c r="H81" s="25" t="s">
        <v>229</v>
      </c>
      <c r="I81" s="39"/>
      <c r="J81" s="10" t="s">
        <v>1107</v>
      </c>
      <c r="P81" s="10" t="s">
        <v>1123</v>
      </c>
    </row>
    <row r="82" spans="1:16" s="10" customFormat="1" ht="168.75">
      <c r="A82" s="10" t="s">
        <v>777</v>
      </c>
      <c r="B82" s="10" t="s">
        <v>1122</v>
      </c>
      <c r="E82" s="10" t="s">
        <v>2445</v>
      </c>
      <c r="F82" s="10" t="s">
        <v>2446</v>
      </c>
      <c r="G82" s="10" t="s">
        <v>2447</v>
      </c>
      <c r="H82" s="25" t="s">
        <v>229</v>
      </c>
      <c r="I82" s="39"/>
      <c r="P82" s="10" t="s">
        <v>1123</v>
      </c>
    </row>
    <row r="83" spans="1:16" s="10" customFormat="1" ht="168.75">
      <c r="A83" s="10" t="s">
        <v>777</v>
      </c>
      <c r="B83" s="10" t="s">
        <v>1122</v>
      </c>
      <c r="E83" s="10" t="s">
        <v>2448</v>
      </c>
      <c r="F83" s="3" t="s">
        <v>1127</v>
      </c>
      <c r="G83" s="10" t="s">
        <v>1127</v>
      </c>
      <c r="H83" s="10" t="s">
        <v>69</v>
      </c>
      <c r="J83" s="10" t="s">
        <v>1608</v>
      </c>
      <c r="K83" s="10" t="s">
        <v>930</v>
      </c>
      <c r="P83" s="10" t="s">
        <v>1123</v>
      </c>
    </row>
    <row r="84" spans="1:16" s="10" customFormat="1" ht="247.5">
      <c r="A84" s="10" t="s">
        <v>777</v>
      </c>
      <c r="B84" s="10" t="s">
        <v>1122</v>
      </c>
      <c r="E84" s="10" t="s">
        <v>2448</v>
      </c>
      <c r="F84" s="10" t="s">
        <v>905</v>
      </c>
      <c r="G84" s="10" t="s">
        <v>905</v>
      </c>
      <c r="H84" s="10" t="s">
        <v>69</v>
      </c>
      <c r="J84" s="10" t="s">
        <v>1128</v>
      </c>
      <c r="K84" s="10" t="s">
        <v>935</v>
      </c>
      <c r="N84" s="10" t="s">
        <v>252</v>
      </c>
      <c r="O84" s="10" t="s">
        <v>252</v>
      </c>
      <c r="P84" s="10" t="s">
        <v>1129</v>
      </c>
    </row>
    <row r="85" spans="1:16" s="10" customFormat="1" ht="72" customHeight="1">
      <c r="A85" s="10" t="s">
        <v>777</v>
      </c>
      <c r="B85" s="10" t="s">
        <v>1341</v>
      </c>
      <c r="E85" s="10" t="s">
        <v>2449</v>
      </c>
      <c r="F85" s="10" t="s">
        <v>2450</v>
      </c>
      <c r="G85" s="10" t="s">
        <v>2450</v>
      </c>
      <c r="H85" s="10" t="s">
        <v>69</v>
      </c>
      <c r="K85" s="10" t="s">
        <v>1130</v>
      </c>
      <c r="P85" s="10" t="s">
        <v>1131</v>
      </c>
    </row>
    <row r="86" spans="1:16" s="10" customFormat="1" ht="72" customHeight="1">
      <c r="A86" s="10" t="s">
        <v>777</v>
      </c>
      <c r="B86" s="10" t="s">
        <v>1341</v>
      </c>
      <c r="E86" s="10" t="s">
        <v>2449</v>
      </c>
      <c r="F86" s="10" t="s">
        <v>231</v>
      </c>
      <c r="G86" s="10" t="s">
        <v>231</v>
      </c>
      <c r="H86" s="10" t="s">
        <v>69</v>
      </c>
      <c r="K86" s="10" t="s">
        <v>1130</v>
      </c>
      <c r="P86" s="10" t="s">
        <v>1131</v>
      </c>
    </row>
    <row r="87" spans="1:16" s="10" customFormat="1" ht="72" customHeight="1">
      <c r="A87" s="10" t="s">
        <v>777</v>
      </c>
      <c r="B87" s="10" t="s">
        <v>1341</v>
      </c>
      <c r="E87" s="10" t="s">
        <v>2449</v>
      </c>
      <c r="F87" s="10" t="s">
        <v>232</v>
      </c>
      <c r="G87" s="10" t="s">
        <v>232</v>
      </c>
      <c r="H87" s="10" t="s">
        <v>69</v>
      </c>
      <c r="K87" s="10" t="s">
        <v>1130</v>
      </c>
      <c r="P87" s="10" t="s">
        <v>1417</v>
      </c>
    </row>
    <row r="88" spans="1:16" s="10" customFormat="1" ht="75.75" customHeight="1">
      <c r="A88" s="10" t="s">
        <v>777</v>
      </c>
      <c r="B88" s="10" t="s">
        <v>1341</v>
      </c>
      <c r="E88" s="10" t="s">
        <v>2451</v>
      </c>
      <c r="F88" s="10" t="s">
        <v>1132</v>
      </c>
      <c r="G88" s="10" t="s">
        <v>1132</v>
      </c>
      <c r="H88" s="25" t="s">
        <v>229</v>
      </c>
      <c r="J88" s="10" t="s">
        <v>1133</v>
      </c>
    </row>
    <row r="89" spans="1:16" s="10" customFormat="1" ht="75.75" customHeight="1">
      <c r="A89" s="10" t="s">
        <v>777</v>
      </c>
      <c r="B89" s="10" t="s">
        <v>1341</v>
      </c>
      <c r="E89" s="10" t="s">
        <v>2451</v>
      </c>
      <c r="F89" s="10" t="s">
        <v>1134</v>
      </c>
      <c r="G89" s="10" t="s">
        <v>1134</v>
      </c>
      <c r="H89" s="25" t="s">
        <v>229</v>
      </c>
      <c r="J89" s="10" t="s">
        <v>1133</v>
      </c>
    </row>
    <row r="90" spans="1:16" s="10" customFormat="1" ht="45">
      <c r="A90" s="10" t="s">
        <v>777</v>
      </c>
      <c r="B90" s="10" t="s">
        <v>1341</v>
      </c>
      <c r="E90" s="10" t="s">
        <v>2451</v>
      </c>
      <c r="F90" s="10" t="s">
        <v>2452</v>
      </c>
      <c r="G90" s="10" t="s">
        <v>2453</v>
      </c>
      <c r="H90" s="25" t="s">
        <v>229</v>
      </c>
      <c r="P90" s="10" t="s">
        <v>1135</v>
      </c>
    </row>
    <row r="91" spans="1:16" s="10" customFormat="1" ht="45">
      <c r="A91" s="10" t="s">
        <v>777</v>
      </c>
      <c r="B91" s="10" t="s">
        <v>1341</v>
      </c>
      <c r="E91" s="10" t="s">
        <v>2451</v>
      </c>
      <c r="F91" s="10" t="s">
        <v>2454</v>
      </c>
      <c r="G91" s="10" t="s">
        <v>2454</v>
      </c>
      <c r="H91" s="25" t="s">
        <v>229</v>
      </c>
      <c r="P91" s="10" t="s">
        <v>1135</v>
      </c>
    </row>
    <row r="92" spans="1:16" s="10" customFormat="1" ht="66.75" customHeight="1">
      <c r="A92" s="10" t="s">
        <v>777</v>
      </c>
      <c r="B92" s="10" t="s">
        <v>1341</v>
      </c>
      <c r="E92" s="10" t="s">
        <v>2451</v>
      </c>
      <c r="F92" s="10" t="s">
        <v>2455</v>
      </c>
      <c r="G92" s="10" t="s">
        <v>2455</v>
      </c>
      <c r="H92" s="25" t="s">
        <v>229</v>
      </c>
      <c r="P92" s="10" t="s">
        <v>1135</v>
      </c>
    </row>
    <row r="93" spans="1:16" s="10" customFormat="1" ht="80.25">
      <c r="A93" s="10" t="s">
        <v>777</v>
      </c>
      <c r="B93" s="10" t="s">
        <v>1340</v>
      </c>
      <c r="E93" s="10" t="s">
        <v>903</v>
      </c>
      <c r="F93" s="10" t="s">
        <v>909</v>
      </c>
      <c r="G93" s="10" t="s">
        <v>909</v>
      </c>
      <c r="H93" s="25" t="s">
        <v>69</v>
      </c>
      <c r="J93" s="10" t="s">
        <v>1136</v>
      </c>
      <c r="K93" s="10" t="s">
        <v>2456</v>
      </c>
      <c r="N93" s="10" t="s">
        <v>252</v>
      </c>
      <c r="O93" s="10" t="s">
        <v>252</v>
      </c>
    </row>
    <row r="94" spans="1:16" s="10" customFormat="1" ht="22.5">
      <c r="A94" s="10" t="s">
        <v>777</v>
      </c>
      <c r="B94" s="10" t="s">
        <v>1341</v>
      </c>
      <c r="E94" s="10" t="s">
        <v>901</v>
      </c>
      <c r="F94" s="3" t="s">
        <v>913</v>
      </c>
      <c r="G94" s="3" t="s">
        <v>913</v>
      </c>
      <c r="H94" s="25" t="s">
        <v>69</v>
      </c>
      <c r="I94" s="8"/>
      <c r="J94" s="10" t="s">
        <v>1137</v>
      </c>
      <c r="K94" s="10" t="s">
        <v>1138</v>
      </c>
      <c r="N94" s="10" t="s">
        <v>252</v>
      </c>
      <c r="O94" s="10" t="s">
        <v>252</v>
      </c>
    </row>
    <row r="95" spans="1:16" s="10" customFormat="1" ht="22.5">
      <c r="A95" s="10" t="s">
        <v>777</v>
      </c>
      <c r="B95" s="10" t="s">
        <v>1341</v>
      </c>
      <c r="E95" s="10" t="s">
        <v>901</v>
      </c>
      <c r="F95" s="3" t="s">
        <v>1139</v>
      </c>
      <c r="G95" s="3" t="s">
        <v>1139</v>
      </c>
      <c r="H95" s="25" t="s">
        <v>69</v>
      </c>
      <c r="I95" s="8"/>
      <c r="J95" s="10" t="s">
        <v>1140</v>
      </c>
      <c r="K95" s="10" t="s">
        <v>1141</v>
      </c>
      <c r="N95" s="10" t="s">
        <v>252</v>
      </c>
      <c r="O95" s="10" t="s">
        <v>252</v>
      </c>
    </row>
    <row r="96" spans="1:16" s="10" customFormat="1" ht="81.75" customHeight="1">
      <c r="A96" s="10" t="s">
        <v>777</v>
      </c>
      <c r="B96" s="10" t="s">
        <v>1341</v>
      </c>
      <c r="E96" s="10" t="s">
        <v>901</v>
      </c>
      <c r="F96" s="3" t="s">
        <v>1142</v>
      </c>
      <c r="G96" s="3" t="s">
        <v>1142</v>
      </c>
      <c r="H96" s="25" t="s">
        <v>69</v>
      </c>
      <c r="I96" s="8"/>
      <c r="J96" s="10" t="s">
        <v>1143</v>
      </c>
      <c r="K96" s="10">
        <v>16</v>
      </c>
      <c r="N96" s="10" t="s">
        <v>252</v>
      </c>
      <c r="O96" s="10" t="s">
        <v>252</v>
      </c>
    </row>
    <row r="97" spans="1:16" s="10" customFormat="1" ht="67.5">
      <c r="A97" s="10" t="s">
        <v>777</v>
      </c>
      <c r="B97" s="10" t="s">
        <v>1343</v>
      </c>
      <c r="E97" s="10" t="s">
        <v>1086</v>
      </c>
      <c r="F97" s="10" t="s">
        <v>1144</v>
      </c>
      <c r="G97" s="10" t="s">
        <v>1087</v>
      </c>
      <c r="H97" s="25" t="s">
        <v>69</v>
      </c>
      <c r="I97" s="8"/>
      <c r="J97" s="10" t="s">
        <v>1145</v>
      </c>
      <c r="K97" s="10" t="s">
        <v>1349</v>
      </c>
      <c r="N97" s="10" t="s">
        <v>1086</v>
      </c>
      <c r="O97" s="10" t="s">
        <v>1086</v>
      </c>
      <c r="P97" s="10" t="s">
        <v>1146</v>
      </c>
    </row>
    <row r="98" spans="1:16" s="10" customFormat="1" ht="330" customHeight="1">
      <c r="A98" s="10" t="s">
        <v>777</v>
      </c>
      <c r="B98" s="10" t="s">
        <v>900</v>
      </c>
      <c r="E98" s="10" t="s">
        <v>904</v>
      </c>
      <c r="F98" s="10" t="s">
        <v>1284</v>
      </c>
      <c r="G98" s="10" t="s">
        <v>1284</v>
      </c>
      <c r="H98" s="10" t="s">
        <v>69</v>
      </c>
      <c r="I98" s="8"/>
      <c r="J98" s="10" t="s">
        <v>1285</v>
      </c>
      <c r="K98" s="10" t="s">
        <v>1286</v>
      </c>
      <c r="N98" s="10" t="s">
        <v>904</v>
      </c>
      <c r="O98" s="10" t="s">
        <v>1287</v>
      </c>
      <c r="P98" s="10" t="s">
        <v>2457</v>
      </c>
    </row>
    <row r="99" spans="1:16" s="10" customFormat="1" ht="30" customHeight="1"/>
    <row r="100" spans="1:16" s="10" customFormat="1" ht="30" customHeight="1">
      <c r="A100" s="10" t="s">
        <v>777</v>
      </c>
      <c r="B100" s="10" t="s">
        <v>1339</v>
      </c>
      <c r="E100" s="10" t="s">
        <v>902</v>
      </c>
      <c r="F100" s="10" t="s">
        <v>907</v>
      </c>
      <c r="G100" s="10" t="s">
        <v>907</v>
      </c>
      <c r="H100" s="10" t="s">
        <v>69</v>
      </c>
      <c r="J100" s="10" t="s">
        <v>2458</v>
      </c>
      <c r="K100" s="10" t="s">
        <v>1063</v>
      </c>
      <c r="N100" s="10" t="s">
        <v>1344</v>
      </c>
      <c r="O100" s="10" t="s">
        <v>1344</v>
      </c>
    </row>
    <row r="101" spans="1:16" s="10" customFormat="1" ht="132" customHeight="1">
      <c r="A101" s="10" t="s">
        <v>777</v>
      </c>
      <c r="B101" s="10" t="s">
        <v>1339</v>
      </c>
      <c r="E101" s="10" t="s">
        <v>902</v>
      </c>
      <c r="F101" s="10" t="s">
        <v>908</v>
      </c>
      <c r="G101" s="10" t="s">
        <v>908</v>
      </c>
      <c r="H101" s="10" t="s">
        <v>69</v>
      </c>
      <c r="J101" s="10" t="s">
        <v>2459</v>
      </c>
      <c r="K101" s="10" t="s">
        <v>1064</v>
      </c>
      <c r="N101" s="10" t="s">
        <v>1344</v>
      </c>
      <c r="O101" s="10" t="s">
        <v>1344</v>
      </c>
      <c r="P101" s="10" t="s">
        <v>1345</v>
      </c>
    </row>
    <row r="102" spans="1:16" s="53" customFormat="1" ht="43.5" customHeight="1">
      <c r="A102" s="53" t="s">
        <v>777</v>
      </c>
      <c r="B102" s="53" t="s">
        <v>1342</v>
      </c>
      <c r="E102" s="53" t="s">
        <v>901</v>
      </c>
      <c r="F102" s="53" t="s">
        <v>1346</v>
      </c>
      <c r="G102" s="53" t="s">
        <v>1357</v>
      </c>
      <c r="H102" s="53" t="s">
        <v>233</v>
      </c>
      <c r="J102" s="53" t="s">
        <v>1347</v>
      </c>
      <c r="K102" s="53" t="s">
        <v>1358</v>
      </c>
      <c r="N102" s="53" t="s">
        <v>1358</v>
      </c>
      <c r="O102" s="53" t="s">
        <v>1358</v>
      </c>
      <c r="P102" s="53" t="s">
        <v>1348</v>
      </c>
    </row>
  </sheetData>
  <autoFilter ref="A1:P102"/>
  <phoneticPr fontId="13" type="noConversion"/>
  <conditionalFormatting sqref="M1">
    <cfRule type="expression" dxfId="4" priority="1">
      <formula>#REF!="Capability"</formula>
    </cfRule>
  </conditionalFormatting>
  <pageMargins left="0.7" right="0.7" top="0.75" bottom="0.75" header="0.3" footer="0.3"/>
  <pageSetup orientation="portrait" r:id="rId1"/>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P17"/>
  <sheetViews>
    <sheetView zoomScale="90" zoomScaleNormal="90" workbookViewId="0">
      <pane xSplit="7" ySplit="1" topLeftCell="H11" activePane="bottomRight" state="frozen"/>
      <selection pane="topRight" activeCell="G1" sqref="G1"/>
      <selection pane="bottomLeft" activeCell="A2" sqref="A2"/>
      <selection pane="bottomRight" activeCell="E14" sqref="E14"/>
    </sheetView>
  </sheetViews>
  <sheetFormatPr defaultColWidth="13.125" defaultRowHeight="30" customHeight="1"/>
  <cols>
    <col min="1" max="1" width="10.125" style="7" customWidth="1"/>
    <col min="2" max="2" width="15.625" style="7" customWidth="1"/>
    <col min="3" max="3" width="10.125" style="7" customWidth="1"/>
    <col min="4" max="4" width="8" style="7" customWidth="1"/>
    <col min="5" max="5" width="9.375" style="7" customWidth="1"/>
    <col min="6" max="6" width="10.625" style="7" customWidth="1"/>
    <col min="7" max="7" width="24.125" style="7" customWidth="1"/>
    <col min="8" max="8" width="8.375" style="7" customWidth="1"/>
    <col min="9" max="9" width="15.375" style="7" customWidth="1"/>
    <col min="10" max="10" width="53.125" style="7" customWidth="1"/>
    <col min="11" max="11" width="25.375" style="7" customWidth="1"/>
    <col min="12" max="12" width="12" style="7" customWidth="1"/>
    <col min="13" max="14" width="11.375" style="7" customWidth="1"/>
    <col min="15" max="15" width="13.125" style="7"/>
    <col min="16" max="16" width="76.125" style="7" customWidth="1"/>
    <col min="17" max="16384" width="13.125" style="7"/>
  </cols>
  <sheetData>
    <row r="1" spans="1:16" ht="30" customHeight="1">
      <c r="A1" s="4" t="s">
        <v>263</v>
      </c>
      <c r="B1" s="1" t="s">
        <v>0</v>
      </c>
      <c r="C1" s="1" t="s">
        <v>1</v>
      </c>
      <c r="D1" s="1" t="s">
        <v>2</v>
      </c>
      <c r="E1" s="1" t="s">
        <v>3</v>
      </c>
      <c r="F1" s="1" t="s">
        <v>9</v>
      </c>
      <c r="G1" s="1" t="s">
        <v>4</v>
      </c>
      <c r="H1" s="1" t="s">
        <v>5</v>
      </c>
      <c r="I1" s="1" t="s">
        <v>6</v>
      </c>
      <c r="J1" s="1" t="s">
        <v>10</v>
      </c>
      <c r="K1" s="1" t="s">
        <v>7</v>
      </c>
      <c r="L1" s="1" t="s">
        <v>268</v>
      </c>
      <c r="M1" s="2" t="s">
        <v>34</v>
      </c>
      <c r="N1" s="1" t="s">
        <v>35</v>
      </c>
      <c r="O1" s="1" t="s">
        <v>8</v>
      </c>
      <c r="P1" s="1" t="s">
        <v>11</v>
      </c>
    </row>
    <row r="2" spans="1:16" s="17" customFormat="1" ht="81" customHeight="1">
      <c r="A2" s="10" t="s">
        <v>778</v>
      </c>
      <c r="B2" s="12" t="s">
        <v>892</v>
      </c>
      <c r="C2" s="12" t="s">
        <v>177</v>
      </c>
      <c r="D2" s="12" t="s">
        <v>849</v>
      </c>
      <c r="E2" s="12" t="s">
        <v>445</v>
      </c>
      <c r="F2" s="12"/>
      <c r="G2" s="12" t="s">
        <v>850</v>
      </c>
      <c r="H2" s="12" t="s">
        <v>69</v>
      </c>
      <c r="I2" s="12"/>
      <c r="J2" s="12" t="s">
        <v>851</v>
      </c>
      <c r="K2" s="12" t="s">
        <v>1217</v>
      </c>
      <c r="L2" s="12" t="s">
        <v>416</v>
      </c>
      <c r="M2" s="12" t="s">
        <v>1281</v>
      </c>
      <c r="N2" s="12" t="s">
        <v>852</v>
      </c>
      <c r="O2" s="12" t="s">
        <v>13</v>
      </c>
      <c r="P2" s="92" t="s">
        <v>1282</v>
      </c>
    </row>
    <row r="3" spans="1:16" s="13" customFormat="1" ht="82.5" customHeight="1">
      <c r="A3" s="10" t="s">
        <v>778</v>
      </c>
      <c r="B3" s="12" t="s">
        <v>892</v>
      </c>
      <c r="C3" s="12" t="s">
        <v>177</v>
      </c>
      <c r="D3" s="12" t="s">
        <v>849</v>
      </c>
      <c r="E3" s="12" t="s">
        <v>445</v>
      </c>
      <c r="F3" s="12"/>
      <c r="G3" s="12" t="s">
        <v>958</v>
      </c>
      <c r="H3" s="12" t="s">
        <v>69</v>
      </c>
      <c r="I3" s="12"/>
      <c r="J3" s="12" t="s">
        <v>854</v>
      </c>
      <c r="K3" s="12" t="s">
        <v>780</v>
      </c>
      <c r="L3" s="12" t="s">
        <v>416</v>
      </c>
      <c r="M3" s="12" t="s">
        <v>853</v>
      </c>
      <c r="N3" s="12" t="s">
        <v>12</v>
      </c>
      <c r="O3" s="12" t="s">
        <v>13</v>
      </c>
      <c r="P3" s="101"/>
    </row>
    <row r="4" spans="1:16" s="20" customFormat="1" ht="181.5" customHeight="1">
      <c r="A4" s="20" t="s">
        <v>778</v>
      </c>
      <c r="B4" s="33" t="s">
        <v>957</v>
      </c>
      <c r="C4" s="33" t="s">
        <v>177</v>
      </c>
      <c r="D4" s="33" t="s">
        <v>855</v>
      </c>
      <c r="E4" s="33"/>
      <c r="F4" s="33"/>
      <c r="G4" s="33" t="s">
        <v>856</v>
      </c>
      <c r="H4" s="33" t="s">
        <v>229</v>
      </c>
      <c r="I4" s="33" t="s">
        <v>857</v>
      </c>
      <c r="J4" s="33" t="s">
        <v>1521</v>
      </c>
      <c r="K4" s="33"/>
      <c r="L4" s="33"/>
      <c r="M4" s="33"/>
      <c r="N4" s="33"/>
      <c r="O4" s="33"/>
      <c r="P4" s="33" t="s">
        <v>893</v>
      </c>
    </row>
    <row r="5" spans="1:16" s="10" customFormat="1" ht="170.25" customHeight="1">
      <c r="A5" s="10" t="s">
        <v>778</v>
      </c>
      <c r="B5" s="12" t="s">
        <v>1218</v>
      </c>
      <c r="C5" s="12" t="s">
        <v>959</v>
      </c>
      <c r="D5" s="12" t="s">
        <v>858</v>
      </c>
      <c r="E5" s="12"/>
      <c r="F5" s="12"/>
      <c r="G5" s="12" t="s">
        <v>859</v>
      </c>
      <c r="H5" s="12" t="s">
        <v>69</v>
      </c>
      <c r="I5" s="12" t="s">
        <v>860</v>
      </c>
      <c r="J5" s="12" t="s">
        <v>1361</v>
      </c>
      <c r="K5" s="12" t="s">
        <v>1360</v>
      </c>
      <c r="L5" s="12" t="s">
        <v>861</v>
      </c>
      <c r="M5" s="12" t="s">
        <v>960</v>
      </c>
      <c r="N5" s="12" t="s">
        <v>12</v>
      </c>
      <c r="O5" s="12" t="s">
        <v>300</v>
      </c>
      <c r="P5" s="12" t="s">
        <v>1359</v>
      </c>
    </row>
    <row r="6" spans="1:16" s="17" customFormat="1" ht="106.5" customHeight="1">
      <c r="A6" s="10" t="s">
        <v>778</v>
      </c>
      <c r="B6" s="33" t="s">
        <v>1218</v>
      </c>
      <c r="C6" s="33" t="s">
        <v>1381</v>
      </c>
      <c r="D6" s="33" t="s">
        <v>1382</v>
      </c>
      <c r="E6" s="33"/>
      <c r="F6" s="33"/>
      <c r="G6" s="33" t="s">
        <v>1375</v>
      </c>
      <c r="H6" s="33" t="s">
        <v>69</v>
      </c>
      <c r="I6" s="33"/>
      <c r="J6" s="33" t="s">
        <v>1376</v>
      </c>
      <c r="K6" s="33" t="s">
        <v>1377</v>
      </c>
      <c r="L6" s="33" t="s">
        <v>1378</v>
      </c>
      <c r="M6" s="33" t="s">
        <v>1379</v>
      </c>
      <c r="N6" s="33" t="s">
        <v>1380</v>
      </c>
      <c r="O6" s="33" t="s">
        <v>300</v>
      </c>
      <c r="P6" s="33" t="s">
        <v>2045</v>
      </c>
    </row>
    <row r="7" spans="1:16" s="10" customFormat="1" ht="144" customHeight="1">
      <c r="A7" s="10" t="s">
        <v>778</v>
      </c>
      <c r="B7" s="12" t="s">
        <v>862</v>
      </c>
      <c r="C7" s="12" t="s">
        <v>178</v>
      </c>
      <c r="D7" s="12" t="s">
        <v>863</v>
      </c>
      <c r="E7" s="12"/>
      <c r="F7" s="12"/>
      <c r="G7" s="12" t="s">
        <v>864</v>
      </c>
      <c r="H7" s="12" t="s">
        <v>69</v>
      </c>
      <c r="I7" s="12"/>
      <c r="J7" s="12" t="s">
        <v>865</v>
      </c>
      <c r="K7" s="12" t="s">
        <v>1219</v>
      </c>
      <c r="L7" s="12" t="s">
        <v>866</v>
      </c>
      <c r="M7" s="12" t="s">
        <v>267</v>
      </c>
      <c r="N7" s="12" t="s">
        <v>12</v>
      </c>
      <c r="O7" s="12" t="s">
        <v>13</v>
      </c>
      <c r="P7" s="12" t="s">
        <v>894</v>
      </c>
    </row>
    <row r="8" spans="1:16" s="10" customFormat="1" ht="125.25" customHeight="1">
      <c r="A8" s="10" t="s">
        <v>778</v>
      </c>
      <c r="B8" s="12" t="s">
        <v>862</v>
      </c>
      <c r="C8" s="12" t="s">
        <v>178</v>
      </c>
      <c r="D8" s="12" t="s">
        <v>863</v>
      </c>
      <c r="E8" s="12"/>
      <c r="F8" s="12"/>
      <c r="G8" s="12" t="s">
        <v>1220</v>
      </c>
      <c r="H8" s="12" t="s">
        <v>69</v>
      </c>
      <c r="I8" s="12"/>
      <c r="J8" s="12" t="s">
        <v>1221</v>
      </c>
      <c r="K8" s="12" t="s">
        <v>1219</v>
      </c>
      <c r="L8" s="12" t="s">
        <v>866</v>
      </c>
      <c r="M8" s="12" t="s">
        <v>267</v>
      </c>
      <c r="N8" s="12" t="s">
        <v>12</v>
      </c>
      <c r="O8" s="12" t="s">
        <v>13</v>
      </c>
      <c r="P8" s="12" t="s">
        <v>1222</v>
      </c>
    </row>
    <row r="9" spans="1:16" s="10" customFormat="1" ht="102" customHeight="1">
      <c r="A9" s="10" t="s">
        <v>778</v>
      </c>
      <c r="B9" s="12" t="s">
        <v>862</v>
      </c>
      <c r="C9" s="12" t="s">
        <v>177</v>
      </c>
      <c r="D9" s="12" t="s">
        <v>1223</v>
      </c>
      <c r="E9" s="12"/>
      <c r="F9" s="12"/>
      <c r="G9" s="12" t="s">
        <v>1224</v>
      </c>
      <c r="H9" s="12" t="s">
        <v>69</v>
      </c>
      <c r="I9" s="12"/>
      <c r="J9" s="12" t="s">
        <v>1225</v>
      </c>
      <c r="K9" s="12" t="s">
        <v>1226</v>
      </c>
      <c r="L9" s="12"/>
      <c r="M9" s="12" t="s">
        <v>29</v>
      </c>
      <c r="N9" s="12" t="s">
        <v>1021</v>
      </c>
      <c r="O9" s="12" t="s">
        <v>13</v>
      </c>
      <c r="P9" s="12" t="s">
        <v>1227</v>
      </c>
    </row>
    <row r="10" spans="1:16" s="10" customFormat="1" ht="42.75" customHeight="1">
      <c r="A10" s="10" t="s">
        <v>778</v>
      </c>
      <c r="B10" s="12" t="s">
        <v>862</v>
      </c>
      <c r="C10" s="12" t="s">
        <v>177</v>
      </c>
      <c r="D10" s="12" t="s">
        <v>1223</v>
      </c>
      <c r="E10" s="12"/>
      <c r="F10" s="12"/>
      <c r="G10" s="12" t="s">
        <v>1228</v>
      </c>
      <c r="H10" s="12" t="s">
        <v>69</v>
      </c>
      <c r="I10" s="12"/>
      <c r="J10" s="12" t="s">
        <v>1229</v>
      </c>
      <c r="K10" s="12" t="s">
        <v>1226</v>
      </c>
      <c r="L10" s="12"/>
      <c r="M10" s="12" t="s">
        <v>29</v>
      </c>
      <c r="N10" s="12" t="s">
        <v>1021</v>
      </c>
      <c r="O10" s="12" t="s">
        <v>13</v>
      </c>
      <c r="P10" s="12" t="s">
        <v>1230</v>
      </c>
    </row>
    <row r="11" spans="1:16" s="20" customFormat="1" ht="45">
      <c r="A11" s="20" t="s">
        <v>778</v>
      </c>
      <c r="B11" s="33" t="s">
        <v>862</v>
      </c>
      <c r="C11" s="33" t="s">
        <v>178</v>
      </c>
      <c r="D11" s="33" t="s">
        <v>863</v>
      </c>
      <c r="E11" s="33"/>
      <c r="F11" s="33"/>
      <c r="G11" s="33" t="s">
        <v>963</v>
      </c>
      <c r="H11" s="33" t="s">
        <v>69</v>
      </c>
      <c r="I11" s="33"/>
      <c r="J11" s="33" t="s">
        <v>964</v>
      </c>
      <c r="K11" s="33" t="s">
        <v>1231</v>
      </c>
      <c r="L11" s="33" t="s">
        <v>965</v>
      </c>
      <c r="M11" s="33" t="s">
        <v>267</v>
      </c>
      <c r="N11" s="33" t="s">
        <v>12</v>
      </c>
      <c r="O11" s="33" t="s">
        <v>13</v>
      </c>
      <c r="P11" s="33" t="s">
        <v>1232</v>
      </c>
    </row>
    <row r="12" spans="1:16" s="10" customFormat="1" ht="45">
      <c r="A12" s="10" t="s">
        <v>778</v>
      </c>
      <c r="B12" s="12" t="s">
        <v>867</v>
      </c>
      <c r="C12" s="12" t="s">
        <v>176</v>
      </c>
      <c r="D12" s="12" t="s">
        <v>868</v>
      </c>
      <c r="E12" s="12" t="s">
        <v>869</v>
      </c>
      <c r="F12" s="12"/>
      <c r="G12" s="12" t="s">
        <v>870</v>
      </c>
      <c r="H12" s="12" t="s">
        <v>229</v>
      </c>
      <c r="I12" s="12" t="s">
        <v>870</v>
      </c>
      <c r="J12" s="12"/>
      <c r="K12" s="12" t="s">
        <v>1233</v>
      </c>
      <c r="L12" s="12" t="s">
        <v>871</v>
      </c>
      <c r="M12" s="12" t="s">
        <v>871</v>
      </c>
      <c r="N12" s="12" t="s">
        <v>871</v>
      </c>
      <c r="O12" s="12" t="s">
        <v>13</v>
      </c>
      <c r="P12" s="12" t="s">
        <v>1522</v>
      </c>
    </row>
    <row r="13" spans="1:16" s="10" customFormat="1" ht="67.5">
      <c r="A13" s="10" t="s">
        <v>778</v>
      </c>
      <c r="B13" s="12" t="s">
        <v>872</v>
      </c>
      <c r="C13" s="12" t="s">
        <v>873</v>
      </c>
      <c r="D13" s="12" t="s">
        <v>874</v>
      </c>
      <c r="E13" s="12" t="s">
        <v>875</v>
      </c>
      <c r="F13" s="12"/>
      <c r="G13" s="12" t="s">
        <v>876</v>
      </c>
      <c r="H13" s="12" t="s">
        <v>69</v>
      </c>
      <c r="I13" s="12"/>
      <c r="J13" s="12" t="s">
        <v>877</v>
      </c>
      <c r="K13" s="12" t="s">
        <v>1283</v>
      </c>
      <c r="L13" s="12" t="s">
        <v>878</v>
      </c>
      <c r="M13" s="12" t="s">
        <v>1234</v>
      </c>
      <c r="N13" s="12" t="s">
        <v>12</v>
      </c>
      <c r="O13" s="12" t="s">
        <v>13</v>
      </c>
      <c r="P13" s="12" t="s">
        <v>1235</v>
      </c>
    </row>
    <row r="14" spans="1:16" s="14" customFormat="1" ht="50.25" customHeight="1">
      <c r="A14" s="14" t="s">
        <v>778</v>
      </c>
      <c r="B14" s="51" t="s">
        <v>879</v>
      </c>
      <c r="C14" s="51" t="s">
        <v>176</v>
      </c>
      <c r="D14" s="51" t="s">
        <v>1516</v>
      </c>
      <c r="E14" s="52" t="s">
        <v>1523</v>
      </c>
      <c r="F14" s="51"/>
      <c r="G14" s="51" t="s">
        <v>1517</v>
      </c>
      <c r="H14" s="51" t="s">
        <v>69</v>
      </c>
      <c r="I14" s="51" t="s">
        <v>1517</v>
      </c>
      <c r="J14" s="51" t="s">
        <v>1518</v>
      </c>
      <c r="K14" s="51" t="s">
        <v>1519</v>
      </c>
      <c r="L14" s="51" t="s">
        <v>1520</v>
      </c>
      <c r="M14" s="51" t="s">
        <v>267</v>
      </c>
      <c r="N14" s="51" t="s">
        <v>12</v>
      </c>
      <c r="O14" s="51" t="s">
        <v>13</v>
      </c>
      <c r="P14" s="14" t="s">
        <v>2046</v>
      </c>
    </row>
    <row r="15" spans="1:16" s="10" customFormat="1" ht="56.25">
      <c r="A15" s="10" t="s">
        <v>778</v>
      </c>
      <c r="B15" s="12" t="s">
        <v>880</v>
      </c>
      <c r="C15" s="12" t="s">
        <v>881</v>
      </c>
      <c r="D15" s="12" t="s">
        <v>882</v>
      </c>
      <c r="E15" s="12" t="s">
        <v>883</v>
      </c>
      <c r="F15" s="12"/>
      <c r="G15" s="12" t="s">
        <v>884</v>
      </c>
      <c r="H15" s="12" t="s">
        <v>117</v>
      </c>
      <c r="I15" s="12" t="s">
        <v>884</v>
      </c>
      <c r="J15" s="12"/>
      <c r="K15" s="12" t="s">
        <v>885</v>
      </c>
      <c r="L15" s="12"/>
      <c r="M15" s="12" t="s">
        <v>886</v>
      </c>
      <c r="N15" s="12" t="s">
        <v>887</v>
      </c>
      <c r="O15" s="12" t="s">
        <v>888</v>
      </c>
      <c r="P15" s="104" t="s">
        <v>895</v>
      </c>
    </row>
    <row r="16" spans="1:16" s="10" customFormat="1" ht="56.25">
      <c r="A16" s="10" t="s">
        <v>778</v>
      </c>
      <c r="B16" s="12" t="s">
        <v>880</v>
      </c>
      <c r="C16" s="12" t="s">
        <v>881</v>
      </c>
      <c r="D16" s="12" t="s">
        <v>882</v>
      </c>
      <c r="E16" s="12" t="s">
        <v>883</v>
      </c>
      <c r="F16" s="12"/>
      <c r="G16" s="12" t="s">
        <v>889</v>
      </c>
      <c r="H16" s="12" t="s">
        <v>117</v>
      </c>
      <c r="I16" s="12" t="s">
        <v>889</v>
      </c>
      <c r="J16" s="12"/>
      <c r="K16" s="12" t="s">
        <v>890</v>
      </c>
      <c r="L16" s="12"/>
      <c r="M16" s="12" t="s">
        <v>886</v>
      </c>
      <c r="N16" s="12" t="s">
        <v>887</v>
      </c>
      <c r="O16" s="12" t="s">
        <v>888</v>
      </c>
      <c r="P16" s="105"/>
    </row>
    <row r="17" spans="1:16" s="10" customFormat="1" ht="56.25">
      <c r="A17" s="10" t="s">
        <v>778</v>
      </c>
      <c r="B17" s="12" t="s">
        <v>880</v>
      </c>
      <c r="C17" s="12" t="s">
        <v>881</v>
      </c>
      <c r="D17" s="12" t="s">
        <v>882</v>
      </c>
      <c r="E17" s="12" t="s">
        <v>883</v>
      </c>
      <c r="F17" s="12"/>
      <c r="G17" s="12" t="s">
        <v>891</v>
      </c>
      <c r="H17" s="12" t="s">
        <v>117</v>
      </c>
      <c r="I17" s="12" t="s">
        <v>891</v>
      </c>
      <c r="J17" s="12"/>
      <c r="K17" s="12" t="s">
        <v>890</v>
      </c>
      <c r="L17" s="12"/>
      <c r="M17" s="12" t="s">
        <v>886</v>
      </c>
      <c r="N17" s="12" t="s">
        <v>887</v>
      </c>
      <c r="O17" s="12" t="s">
        <v>888</v>
      </c>
      <c r="P17" s="106"/>
    </row>
  </sheetData>
  <autoFilter ref="A1:P1"/>
  <mergeCells count="2">
    <mergeCell ref="P2:P3"/>
    <mergeCell ref="P15:P17"/>
  </mergeCells>
  <phoneticPr fontId="10"/>
  <conditionalFormatting sqref="M1">
    <cfRule type="expression" dxfId="3" priority="48">
      <formula>#REF!="Capability"</formula>
    </cfRule>
  </conditionalFormatting>
  <pageMargins left="0.7" right="0.7" top="0.75" bottom="0.75" header="0.3" footer="0.3"/>
  <pageSetup orientation="portrait" r:id="rId1"/>
  <legacy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3E9551B3FDDA24EBF0A209BAAD637CA" ma:contentTypeVersion="14" ma:contentTypeDescription="Skapa ett nytt dokument." ma:contentTypeScope="" ma:versionID="fbe8780e7d21b5d56d807b10f64f8556">
  <xsd:schema xmlns:xsd="http://www.w3.org/2001/XMLSchema" xmlns:xs="http://www.w3.org/2001/XMLSchema" xmlns:p="http://schemas.microsoft.com/office/2006/metadata/properties" xmlns:ns2="2f282d3b-eb4a-4b09-b61f-b9593442e286" xmlns:ns3="9b239327-9e80-40e4-b1b7-4394fed77a33" targetNamespace="http://schemas.microsoft.com/office/2006/metadata/properties" ma:root="true" ma:fieldsID="658c913d168fa6d282693a5b5313f8e8" ns2:_="" ns3:_="">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Dela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Delat med information"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ehållstyp"/>
        <xsd:element ref="dc:title" minOccurs="0" maxOccurs="1" ma:index="4" ma:displayName="Rubrik"/>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documentManagement>
</p:properties>
</file>

<file path=customXml/itemProps1.xml><?xml version="1.0" encoding="utf-8"?>
<ds:datastoreItem xmlns:ds="http://schemas.openxmlformats.org/officeDocument/2006/customXml" ds:itemID="{58D27ED4-BDB2-406A-A7D2-E4F0888CB11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794C99B-3029-48E3-BCBD-41637FEDBCA9}">
  <ds:schemaRefs>
    <ds:schemaRef ds:uri="http://schemas.microsoft.com/sharepoint/v3/contenttype/forms"/>
  </ds:schemaRefs>
</ds:datastoreItem>
</file>

<file path=customXml/itemProps3.xml><?xml version="1.0" encoding="utf-8"?>
<ds:datastoreItem xmlns:ds="http://schemas.openxmlformats.org/officeDocument/2006/customXml" ds:itemID="{77958E2B-CB6F-40D5-916B-72B9996ABC53}">
  <ds:schemaRefs>
    <ds:schemaRef ds:uri="http://purl.org/dc/dcmitype/"/>
    <ds:schemaRef ds:uri="http://schemas.microsoft.com/office/2006/metadata/properties"/>
    <ds:schemaRef ds:uri="http://purl.org/dc/terms/"/>
    <ds:schemaRef ds:uri="http://www.w3.org/XML/1998/namespace"/>
    <ds:schemaRef ds:uri="http://schemas.microsoft.com/office/2006/documentManagement/types"/>
    <ds:schemaRef ds:uri="2f282d3b-eb4a-4b09-b61f-b9593442e286"/>
    <ds:schemaRef ds:uri="http://schemas.openxmlformats.org/package/2006/metadata/core-properties"/>
    <ds:schemaRef ds:uri="http://schemas.microsoft.com/office/infopath/2007/PartnerControls"/>
    <ds:schemaRef ds:uri="9b239327-9e80-40e4-b1b7-4394fed77a33"/>
    <ds:schemaRef ds:uri="http://purl.org/dc/elements/1.1/"/>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工作表</vt:lpstr>
      </vt:variant>
      <vt:variant>
        <vt:i4>12</vt:i4>
      </vt:variant>
      <vt:variant>
        <vt:lpstr>命名范围</vt:lpstr>
      </vt:variant>
      <vt:variant>
        <vt:i4>1</vt:i4>
      </vt:variant>
    </vt:vector>
  </HeadingPairs>
  <TitlesOfParts>
    <vt:vector size="13" baseType="lpstr">
      <vt:lpstr>2step_RACH</vt:lpstr>
      <vt:lpstr>NR-U</vt:lpstr>
      <vt:lpstr>IAB</vt:lpstr>
      <vt:lpstr>V2X</vt:lpstr>
      <vt:lpstr>eURLLC</vt:lpstr>
      <vt:lpstr>eMIMO</vt:lpstr>
      <vt:lpstr>Power</vt:lpstr>
      <vt:lpstr>Positioning</vt:lpstr>
      <vt:lpstr>NRDCCA</vt:lpstr>
      <vt:lpstr>TEI</vt:lpstr>
      <vt:lpstr>IIOT</vt:lpstr>
      <vt:lpstr>MobEnh</vt:lpstr>
      <vt:lpstr>'NR-U'!_Hlk39175410</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red Takeda</dc:creator>
  <cp:lastModifiedBy>Huawei</cp:lastModifiedBy>
  <dcterms:created xsi:type="dcterms:W3CDTF">2019-09-26T09:12:48Z</dcterms:created>
  <dcterms:modified xsi:type="dcterms:W3CDTF">2020-10-15T07:00: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3E9551B3FDDA24EBF0A209BAAD637CA</vt:lpwstr>
  </property>
  <property fmtid="{D5CDD505-2E9C-101B-9397-08002B2CF9AE}" pid="3" name="_2015_ms_pID_725343">
    <vt:lpwstr>(3)+wC7y8PpGt+Pz0Meb/ZZHhji27NJFbskvilYHkr2kI0Hyf0KUoY1ZJ2jP4UHa0pgvBulsJJe
AY23iLZS97qq7HccaqbOxJEibjQM6sADUiJvxF+8lj5wkuEIHF4szdl2qEhH5khF6u7FuYIS
zqs65g2QN9Eb8epDAzLI5rbxkY3wpuJuLdXIN9Uk4WYTusOH83mu5yw5xpbEFtoW9R8rsq5a
fxF0EeNj4rWo9G/XqL</vt:lpwstr>
  </property>
  <property fmtid="{D5CDD505-2E9C-101B-9397-08002B2CF9AE}" pid="4" name="_2015_ms_pID_7253431">
    <vt:lpwstr>OQepU/enisVRwjK3zBkBN6kHIUI5R4ZaLMDNqegoHhJasyP8+ZZwIV
1BIF0Sq2iPHYu/OFzRG07V7z+8vNfIx6ffxaVodKb+PPF8kwTO86GDWelXTYWANVtk1TdszQ
WSJzDqNdHQhi3sMSlVoRwoi53vw7B2BSbovMjN5a+paeAqMwePN5K0j/vdpkViAoGbLT0jRv
hoXlXNLHltzlXldV5S91cyjhaBS3HQ+l6CXi</vt:lpwstr>
  </property>
  <property fmtid="{D5CDD505-2E9C-101B-9397-08002B2CF9AE}" pid="5" name="_2015_ms_pID_7253432">
    <vt:lpwstr>fA==</vt:lpwstr>
  </property>
</Properties>
</file>